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3_認可G（認可担当）\01_許認可（共通）\13_手引き改訂通知\R5.4~改正\02グループ回覧を終えて\"/>
    </mc:Choice>
  </mc:AlternateContent>
  <bookViews>
    <workbookView xWindow="0" yWindow="0" windowWidth="28800" windowHeight="12432" firstSheet="6" activeTab="9"/>
  </bookViews>
  <sheets>
    <sheet name="17-1転・編入（高校）" sheetId="12" r:id="rId1"/>
    <sheet name="17-2転・編入（中学）" sheetId="13" r:id="rId2"/>
    <sheet name="17-3転・編入（中等）" sheetId="14" r:id="rId3"/>
    <sheet name="施設概要書（小中高）①" sheetId="5" r:id="rId4"/>
    <sheet name="施設概要書（小中高）②" sheetId="6" r:id="rId5"/>
    <sheet name="施設概要書（小中高）③" sheetId="7" r:id="rId6"/>
    <sheet name="施設概要書（幼）" sheetId="8" r:id="rId7"/>
    <sheet name="施設概要書 （幼）(変更の場合)" sheetId="9" r:id="rId8"/>
    <sheet name="施設概要書（専各）" sheetId="10" r:id="rId9"/>
    <sheet name="施設概要書 （専各）（変更の場合）" sheetId="11" r:id="rId10"/>
  </sheets>
  <definedNames>
    <definedName name="_xlnm.Print_Area" localSheetId="0">'17-1転・編入（高校）'!$A$1:$Q$21</definedName>
    <definedName name="_xlnm.Print_Area" localSheetId="1">'17-2転・編入（中学）'!$A$1:$P$18</definedName>
    <definedName name="_xlnm.Print_Area" localSheetId="2">'17-3転・編入（中等）'!$A$1:$P$27</definedName>
    <definedName name="_xlnm.Print_Area" localSheetId="4">'施設概要書（小中高）②'!$A$1:$S$28</definedName>
    <definedName name="_xlnm.Print_Area" localSheetId="5">'施設概要書（小中高）③'!$A$1:$U$32</definedName>
  </definedNames>
  <calcPr calcId="152511" calcMode="manual"/>
</workbook>
</file>

<file path=xl/sharedStrings.xml><?xml version="1.0" encoding="utf-8"?>
<sst xmlns="http://schemas.openxmlformats.org/spreadsheetml/2006/main" count="672" uniqueCount="360">
  <si>
    <t>学校名</t>
    <rPh sb="0" eb="2">
      <t>ガッコウ</t>
    </rPh>
    <rPh sb="2" eb="3">
      <t>メイ</t>
    </rPh>
    <phoneticPr fontId="2"/>
  </si>
  <si>
    <t>担当者　職名</t>
    <rPh sb="0" eb="3">
      <t>タントウシャ</t>
    </rPh>
    <rPh sb="4" eb="6">
      <t>ショクメイ</t>
    </rPh>
    <phoneticPr fontId="2"/>
  </si>
  <si>
    <t>氏名</t>
    <rPh sb="0" eb="2">
      <t>シメイ</t>
    </rPh>
    <phoneticPr fontId="2"/>
  </si>
  <si>
    <t>電話番号</t>
    <rPh sb="0" eb="2">
      <t>デンワ</t>
    </rPh>
    <rPh sb="2" eb="4">
      <t>バンゴウ</t>
    </rPh>
    <phoneticPr fontId="2"/>
  </si>
  <si>
    <t>１年</t>
    <rPh sb="1" eb="2">
      <t>ネン</t>
    </rPh>
    <phoneticPr fontId="2"/>
  </si>
  <si>
    <t>学科</t>
    <rPh sb="0" eb="2">
      <t>ガッカ</t>
    </rPh>
    <phoneticPr fontId="2"/>
  </si>
  <si>
    <t>(備考)</t>
    <rPh sb="1" eb="3">
      <t>ビコウ</t>
    </rPh>
    <phoneticPr fontId="2"/>
  </si>
  <si>
    <t>●複数の課程を持つ高等学校は、それぞれの課程別に１部ずつ提出してください。</t>
    <rPh sb="1" eb="3">
      <t>フクスウ</t>
    </rPh>
    <rPh sb="4" eb="6">
      <t>カテイ</t>
    </rPh>
    <rPh sb="7" eb="8">
      <t>モ</t>
    </rPh>
    <rPh sb="9" eb="11">
      <t>コウトウ</t>
    </rPh>
    <rPh sb="11" eb="13">
      <t>ガッコウ</t>
    </rPh>
    <rPh sb="20" eb="22">
      <t>カテイ</t>
    </rPh>
    <rPh sb="22" eb="23">
      <t>ベツ</t>
    </rPh>
    <rPh sb="25" eb="26">
      <t>ブ</t>
    </rPh>
    <rPh sb="28" eb="30">
      <t>テイシュツ</t>
    </rPh>
    <phoneticPr fontId="2"/>
  </si>
  <si>
    <t>その他</t>
    <rPh sb="2" eb="3">
      <t>タ</t>
    </rPh>
    <phoneticPr fontId="2"/>
  </si>
  <si>
    <t>４年</t>
    <rPh sb="1" eb="2">
      <t>ネン</t>
    </rPh>
    <phoneticPr fontId="2"/>
  </si>
  <si>
    <t>若干名</t>
    <rPh sb="0" eb="2">
      <t>ジャッカン</t>
    </rPh>
    <rPh sb="2" eb="3">
      <t>メイ</t>
    </rPh>
    <phoneticPr fontId="2"/>
  </si>
  <si>
    <t>若干名</t>
    <rPh sb="0" eb="3">
      <t>ジャッカンメイ</t>
    </rPh>
    <phoneticPr fontId="2"/>
  </si>
  <si>
    <t>○</t>
    <phoneticPr fontId="2"/>
  </si>
  <si>
    <t>男女</t>
    <rPh sb="0" eb="2">
      <t>ダンジョ</t>
    </rPh>
    <phoneticPr fontId="2"/>
  </si>
  <si>
    <t>　　　　３　中等教育学校は、この様式に準じて作成してください。</t>
    <rPh sb="6" eb="8">
      <t>チュウトウ</t>
    </rPh>
    <rPh sb="8" eb="10">
      <t>キョウイク</t>
    </rPh>
    <rPh sb="10" eb="12">
      <t>ガッコウ</t>
    </rPh>
    <rPh sb="16" eb="18">
      <t>ヨウシキ</t>
    </rPh>
    <rPh sb="19" eb="20">
      <t>ジュン</t>
    </rPh>
    <rPh sb="22" eb="24">
      <t>サクセイ</t>
    </rPh>
    <phoneticPr fontId="2"/>
  </si>
  <si>
    <t>　　　　２　面積の記入にあたっては、小数点以下第２位（小数点第３位以下切り捨て）まで記入してください。</t>
    <rPh sb="6" eb="8">
      <t>メンセキ</t>
    </rPh>
    <rPh sb="9" eb="11">
      <t>キニュウ</t>
    </rPh>
    <rPh sb="18" eb="21">
      <t>ショウスウテン</t>
    </rPh>
    <rPh sb="21" eb="23">
      <t>イカ</t>
    </rPh>
    <rPh sb="23" eb="24">
      <t>ダイ</t>
    </rPh>
    <rPh sb="25" eb="26">
      <t>イ</t>
    </rPh>
    <rPh sb="27" eb="30">
      <t>ショウスウテン</t>
    </rPh>
    <rPh sb="30" eb="31">
      <t>ダイ</t>
    </rPh>
    <rPh sb="32" eb="33">
      <t>イ</t>
    </rPh>
    <rPh sb="33" eb="35">
      <t>イカ</t>
    </rPh>
    <rPh sb="35" eb="36">
      <t>キ</t>
    </rPh>
    <rPh sb="37" eb="38">
      <t>ス</t>
    </rPh>
    <rPh sb="42" eb="44">
      <t>キニュウ</t>
    </rPh>
    <phoneticPr fontId="2"/>
  </si>
  <si>
    <t>（注）　１　上記面積は求積図に基づき記入してください。</t>
    <rPh sb="1" eb="2">
      <t>チュウ</t>
    </rPh>
    <rPh sb="6" eb="8">
      <t>ジョウキ</t>
    </rPh>
    <rPh sb="8" eb="10">
      <t>メンセキ</t>
    </rPh>
    <rPh sb="11" eb="12">
      <t>キュウ</t>
    </rPh>
    <rPh sb="12" eb="13">
      <t>セキ</t>
    </rPh>
    <rPh sb="13" eb="14">
      <t>ズ</t>
    </rPh>
    <rPh sb="15" eb="16">
      <t>モト</t>
    </rPh>
    <rPh sb="18" eb="20">
      <t>キニュウ</t>
    </rPh>
    <phoneticPr fontId="2"/>
  </si>
  <si>
    <t>校　　 地 　　総　　 合 　　計</t>
    <rPh sb="0" eb="1">
      <t>コウ</t>
    </rPh>
    <rPh sb="4" eb="5">
      <t>チ</t>
    </rPh>
    <rPh sb="8" eb="9">
      <t>ソウ</t>
    </rPh>
    <rPh sb="12" eb="13">
      <t>ゴウ</t>
    </rPh>
    <rPh sb="16" eb="17">
      <t>ケイ</t>
    </rPh>
    <phoneticPr fontId="2"/>
  </si>
  <si>
    <t>所在地</t>
    <rPh sb="0" eb="3">
      <t>ショザイチ</t>
    </rPh>
    <phoneticPr fontId="2"/>
  </si>
  <si>
    <t>学地校外所校在地</t>
    <rPh sb="1" eb="2">
      <t>チ</t>
    </rPh>
    <rPh sb="3" eb="4">
      <t>ガイ</t>
    </rPh>
    <rPh sb="5" eb="6">
      <t>コウ</t>
    </rPh>
    <rPh sb="7" eb="8">
      <t>チ</t>
    </rPh>
    <phoneticPr fontId="2"/>
  </si>
  <si>
    <t>校　　 地 　　合 　　計</t>
    <rPh sb="0" eb="1">
      <t>コウ</t>
    </rPh>
    <rPh sb="4" eb="5">
      <t>チ</t>
    </rPh>
    <rPh sb="8" eb="9">
      <t>ゴウ</t>
    </rPh>
    <rPh sb="12" eb="13">
      <t>ケイ</t>
    </rPh>
    <phoneticPr fontId="2"/>
  </si>
  <si>
    <t>地</t>
    <rPh sb="0" eb="1">
      <t>チ</t>
    </rPh>
    <phoneticPr fontId="2"/>
  </si>
  <si>
    <t>在</t>
    <rPh sb="0" eb="1">
      <t>ザイ</t>
    </rPh>
    <phoneticPr fontId="2"/>
  </si>
  <si>
    <t>所</t>
    <rPh sb="0" eb="1">
      <t>ショ</t>
    </rPh>
    <phoneticPr fontId="2"/>
  </si>
  <si>
    <t>学外校運所動在場地</t>
    <rPh sb="0" eb="1">
      <t>ガク</t>
    </rPh>
    <rPh sb="1" eb="2">
      <t>ガイ</t>
    </rPh>
    <rPh sb="2" eb="3">
      <t>コウ</t>
    </rPh>
    <rPh sb="3" eb="4">
      <t>ウン</t>
    </rPh>
    <rPh sb="4" eb="5">
      <t>ショ</t>
    </rPh>
    <rPh sb="5" eb="6">
      <t>ドウ</t>
    </rPh>
    <rPh sb="6" eb="7">
      <t>ザイ</t>
    </rPh>
    <rPh sb="7" eb="8">
      <t>バ</t>
    </rPh>
    <rPh sb="8" eb="9">
      <t>チ</t>
    </rPh>
    <phoneticPr fontId="2"/>
  </si>
  <si>
    <t>計</t>
    <rPh sb="0" eb="1">
      <t>ケイ</t>
    </rPh>
    <phoneticPr fontId="2"/>
  </si>
  <si>
    <t>13 その他</t>
    <rPh sb="5" eb="6">
      <t>タ</t>
    </rPh>
    <phoneticPr fontId="2"/>
  </si>
  <si>
    <t>12 用務員室</t>
    <rPh sb="3" eb="6">
      <t>ヨウムイン</t>
    </rPh>
    <rPh sb="6" eb="7">
      <t>シツ</t>
    </rPh>
    <phoneticPr fontId="2"/>
  </si>
  <si>
    <t>11 医務室</t>
    <rPh sb="3" eb="6">
      <t>イムシツ</t>
    </rPh>
    <phoneticPr fontId="2"/>
  </si>
  <si>
    <t>訳</t>
    <rPh sb="0" eb="1">
      <t>ワケ</t>
    </rPh>
    <phoneticPr fontId="2"/>
  </si>
  <si>
    <t>積</t>
    <rPh sb="0" eb="1">
      <t>セキ</t>
    </rPh>
    <phoneticPr fontId="2"/>
  </si>
  <si>
    <t>内</t>
    <rPh sb="0" eb="1">
      <t>ナイ</t>
    </rPh>
    <phoneticPr fontId="2"/>
  </si>
  <si>
    <t>10 講堂・体育館</t>
    <rPh sb="3" eb="5">
      <t>コウドウ</t>
    </rPh>
    <rPh sb="6" eb="9">
      <t>タイイクカン</t>
    </rPh>
    <phoneticPr fontId="2"/>
  </si>
  <si>
    <t>９　図書室</t>
    <rPh sb="2" eb="5">
      <t>トショシツ</t>
    </rPh>
    <phoneticPr fontId="2"/>
  </si>
  <si>
    <t>内</t>
    <rPh sb="0" eb="1">
      <t>ウチ</t>
    </rPh>
    <phoneticPr fontId="2"/>
  </si>
  <si>
    <t>８　標本室</t>
    <rPh sb="2" eb="5">
      <t>ヒョウホンシツ</t>
    </rPh>
    <phoneticPr fontId="2"/>
  </si>
  <si>
    <t>面</t>
    <rPh sb="0" eb="1">
      <t>メン</t>
    </rPh>
    <phoneticPr fontId="2"/>
  </si>
  <si>
    <t>7　準備室</t>
    <rPh sb="2" eb="5">
      <t>ジュンビシツ</t>
    </rPh>
    <phoneticPr fontId="2"/>
  </si>
  <si>
    <t>別</t>
    <rPh sb="0" eb="1">
      <t>ベツ</t>
    </rPh>
    <phoneticPr fontId="2"/>
  </si>
  <si>
    <t>　</t>
    <phoneticPr fontId="2"/>
  </si>
  <si>
    <t>　</t>
    <phoneticPr fontId="2"/>
  </si>
  <si>
    <t>　</t>
    <phoneticPr fontId="2"/>
  </si>
  <si>
    <t>６　特別教室</t>
    <rPh sb="2" eb="4">
      <t>トクベツ</t>
    </rPh>
    <rPh sb="4" eb="6">
      <t>キョウシツ</t>
    </rPh>
    <phoneticPr fontId="2"/>
  </si>
  <si>
    <t>５　普通教室</t>
    <rPh sb="2" eb="4">
      <t>フツウ</t>
    </rPh>
    <rPh sb="4" eb="6">
      <t>キョウシツ</t>
    </rPh>
    <phoneticPr fontId="2"/>
  </si>
  <si>
    <t>途</t>
    <rPh sb="0" eb="1">
      <t>ト</t>
    </rPh>
    <phoneticPr fontId="2"/>
  </si>
  <si>
    <t>床</t>
    <rPh sb="0" eb="1">
      <t>ユカ</t>
    </rPh>
    <phoneticPr fontId="2"/>
  </si>
  <si>
    <t>４　事務室</t>
    <rPh sb="2" eb="5">
      <t>ジムシツ</t>
    </rPh>
    <phoneticPr fontId="2"/>
  </si>
  <si>
    <t>３　教員室</t>
    <rPh sb="2" eb="4">
      <t>キョウイン</t>
    </rPh>
    <rPh sb="4" eb="5">
      <t>シツ</t>
    </rPh>
    <phoneticPr fontId="2"/>
  </si>
  <si>
    <t>使</t>
    <rPh sb="0" eb="1">
      <t>シ</t>
    </rPh>
    <phoneticPr fontId="2"/>
  </si>
  <si>
    <t>　</t>
    <phoneticPr fontId="2"/>
  </si>
  <si>
    <t>２　会議室</t>
    <rPh sb="2" eb="5">
      <t>カイギシツ</t>
    </rPh>
    <phoneticPr fontId="2"/>
  </si>
  <si>
    <t>舎</t>
    <rPh sb="0" eb="1">
      <t>シャ</t>
    </rPh>
    <phoneticPr fontId="2"/>
  </si>
  <si>
    <t>１　校長室</t>
    <rPh sb="2" eb="5">
      <t>コウチョウシツ</t>
    </rPh>
    <phoneticPr fontId="2"/>
  </si>
  <si>
    <t>　</t>
    <phoneticPr fontId="2"/>
  </si>
  <si>
    <t>３　その他</t>
    <rPh sb="4" eb="5">
      <t>タ</t>
    </rPh>
    <phoneticPr fontId="2"/>
  </si>
  <si>
    <t>校</t>
    <rPh sb="0" eb="1">
      <t>コウ</t>
    </rPh>
    <phoneticPr fontId="2"/>
  </si>
  <si>
    <r>
      <t>２　</t>
    </r>
    <r>
      <rPr>
        <sz val="10"/>
        <rFont val="ＭＳ Ｐ明朝"/>
        <family val="1"/>
        <charset val="128"/>
      </rPr>
      <t>鉄筋ｺﾝｸﾘｰﾄ造又は鉄骨造</t>
    </r>
    <rPh sb="2" eb="4">
      <t>テッキン</t>
    </rPh>
    <rPh sb="10" eb="11">
      <t>ヅク</t>
    </rPh>
    <rPh sb="11" eb="12">
      <t>マタ</t>
    </rPh>
    <rPh sb="13" eb="15">
      <t>テッコツ</t>
    </rPh>
    <rPh sb="15" eb="16">
      <t>ヅク</t>
    </rPh>
    <phoneticPr fontId="2"/>
  </si>
  <si>
    <t>造 別</t>
    <rPh sb="0" eb="1">
      <t>ゾウ</t>
    </rPh>
    <rPh sb="2" eb="3">
      <t>ベツ</t>
    </rPh>
    <phoneticPr fontId="2"/>
  </si>
  <si>
    <t>１　木造</t>
    <rPh sb="2" eb="4">
      <t>モクゾウ</t>
    </rPh>
    <phoneticPr fontId="2"/>
  </si>
  <si>
    <t>構</t>
    <rPh sb="0" eb="1">
      <t>ガマエ</t>
    </rPh>
    <phoneticPr fontId="2"/>
  </si>
  <si>
    <t>　</t>
    <phoneticPr fontId="2"/>
  </si>
  <si>
    <t>学</t>
    <rPh sb="0" eb="1">
      <t>ガク</t>
    </rPh>
    <phoneticPr fontId="2"/>
  </si>
  <si>
    <t xml:space="preserve">２　運動場面積 </t>
    <rPh sb="2" eb="4">
      <t>ウンドウ</t>
    </rPh>
    <rPh sb="4" eb="5">
      <t>バ</t>
    </rPh>
    <rPh sb="5" eb="7">
      <t>メンセキ</t>
    </rPh>
    <phoneticPr fontId="2"/>
  </si>
  <si>
    <t>㎡</t>
    <phoneticPr fontId="2"/>
  </si>
  <si>
    <t>㎡</t>
    <phoneticPr fontId="2"/>
  </si>
  <si>
    <t>計　　　　㎡</t>
    <rPh sb="0" eb="1">
      <t>ケイ</t>
    </rPh>
    <phoneticPr fontId="2"/>
  </si>
  <si>
    <t>小　　　　㎡</t>
    <rPh sb="0" eb="1">
      <t>ショウ</t>
    </rPh>
    <phoneticPr fontId="2"/>
  </si>
  <si>
    <t>中　　　　㎡</t>
    <rPh sb="0" eb="1">
      <t>チュウ</t>
    </rPh>
    <phoneticPr fontId="2"/>
  </si>
  <si>
    <t>高　　　　㎡</t>
    <rPh sb="0" eb="1">
      <t>コウ</t>
    </rPh>
    <phoneticPr fontId="2"/>
  </si>
  <si>
    <t>㎡</t>
    <phoneticPr fontId="2"/>
  </si>
  <si>
    <t>㎡</t>
    <phoneticPr fontId="2"/>
  </si>
  <si>
    <t>㎡</t>
    <phoneticPr fontId="2"/>
  </si>
  <si>
    <t>㎡</t>
    <phoneticPr fontId="2"/>
  </si>
  <si>
    <t>1  校舎の建築面積</t>
    <rPh sb="3" eb="5">
      <t>コウシャ</t>
    </rPh>
    <rPh sb="6" eb="8">
      <t>ケンチク</t>
    </rPh>
    <rPh sb="8" eb="10">
      <t>メンセキ</t>
    </rPh>
    <phoneticPr fontId="2"/>
  </si>
  <si>
    <t>借用面積</t>
    <rPh sb="0" eb="2">
      <t>シャクヨウ</t>
    </rPh>
    <rPh sb="2" eb="4">
      <t>メンセキ</t>
    </rPh>
    <phoneticPr fontId="2"/>
  </si>
  <si>
    <t>（　専　用　＋　(ｱ)　＋　(ｲ)　）</t>
    <rPh sb="2" eb="3">
      <t>セン</t>
    </rPh>
    <rPh sb="4" eb="5">
      <t>ヨウ</t>
    </rPh>
    <phoneticPr fontId="2"/>
  </si>
  <si>
    <t>(ｲ)定員比率による内訳</t>
    <phoneticPr fontId="2"/>
  </si>
  <si>
    <t>共用面積</t>
    <rPh sb="0" eb="2">
      <t>キョウヨウ</t>
    </rPh>
    <rPh sb="2" eb="4">
      <t>メンセキ</t>
    </rPh>
    <phoneticPr fontId="2"/>
  </si>
  <si>
    <t>専用面積</t>
    <rPh sb="0" eb="2">
      <t>センヨウ</t>
    </rPh>
    <rPh sb="2" eb="4">
      <t>メンセキ</t>
    </rPh>
    <phoneticPr fontId="2"/>
  </si>
  <si>
    <t>(ｱ)定員比率による内訳</t>
    <rPh sb="3" eb="5">
      <t>テイイン</t>
    </rPh>
    <rPh sb="5" eb="7">
      <t>ヒリツ</t>
    </rPh>
    <rPh sb="10" eb="12">
      <t>ウチワケ</t>
    </rPh>
    <phoneticPr fontId="2"/>
  </si>
  <si>
    <t>専 用 ・ 共 用 別</t>
    <rPh sb="0" eb="1">
      <t>セン</t>
    </rPh>
    <rPh sb="2" eb="3">
      <t>ヨウ</t>
    </rPh>
    <rPh sb="6" eb="7">
      <t>トモ</t>
    </rPh>
    <rPh sb="8" eb="9">
      <t>ヨウ</t>
    </rPh>
    <rPh sb="10" eb="11">
      <t>ベツ</t>
    </rPh>
    <phoneticPr fontId="2"/>
  </si>
  <si>
    <t>区分</t>
    <rPh sb="0" eb="1">
      <t>ク</t>
    </rPh>
    <rPh sb="1" eb="2">
      <t>ブン</t>
    </rPh>
    <phoneticPr fontId="2"/>
  </si>
  <si>
    <t>人</t>
    <rPh sb="0" eb="1">
      <t>ニン</t>
    </rPh>
    <phoneticPr fontId="2"/>
  </si>
  <si>
    <t>高　　　 ％ 　　　中 　　　％</t>
    <rPh sb="0" eb="1">
      <t>コウ</t>
    </rPh>
    <rPh sb="10" eb="11">
      <t>チュウ</t>
    </rPh>
    <phoneticPr fontId="2"/>
  </si>
  <si>
    <t>収 容 定 員</t>
    <rPh sb="0" eb="1">
      <t>オサム</t>
    </rPh>
    <rPh sb="2" eb="3">
      <t>カタチ</t>
    </rPh>
    <rPh sb="4" eb="5">
      <t>サダム</t>
    </rPh>
    <rPh sb="6" eb="7">
      <t>イン</t>
    </rPh>
    <phoneticPr fontId="2"/>
  </si>
  <si>
    <t>左のうち</t>
    <rPh sb="0" eb="1">
      <t>ヒダリ</t>
    </rPh>
    <phoneticPr fontId="2"/>
  </si>
  <si>
    <t>合　　　　　　　　　　　　　計</t>
    <rPh sb="0" eb="1">
      <t>ゴウ</t>
    </rPh>
    <rPh sb="14" eb="15">
      <t>ケイ</t>
    </rPh>
    <phoneticPr fontId="2"/>
  </si>
  <si>
    <t>イ　ア以外で共用する場合</t>
    <rPh sb="3" eb="5">
      <t>イガイ</t>
    </rPh>
    <rPh sb="6" eb="8">
      <t>キョウヨウ</t>
    </rPh>
    <rPh sb="10" eb="12">
      <t>バアイ</t>
    </rPh>
    <phoneticPr fontId="2"/>
  </si>
  <si>
    <t>小 学 校</t>
    <rPh sb="0" eb="1">
      <t>ショウ</t>
    </rPh>
    <rPh sb="2" eb="3">
      <t>ガク</t>
    </rPh>
    <rPh sb="4" eb="5">
      <t>コウ</t>
    </rPh>
    <phoneticPr fontId="2"/>
  </si>
  <si>
    <t>ア　高・中２校だけで共用する場合</t>
    <rPh sb="2" eb="3">
      <t>コウ</t>
    </rPh>
    <rPh sb="4" eb="5">
      <t>チュウ</t>
    </rPh>
    <rPh sb="6" eb="7">
      <t>コウ</t>
    </rPh>
    <rPh sb="10" eb="12">
      <t>キョウヨウ</t>
    </rPh>
    <rPh sb="14" eb="16">
      <t>バアイ</t>
    </rPh>
    <phoneticPr fontId="2"/>
  </si>
  <si>
    <t>中 学 校</t>
    <rPh sb="0" eb="1">
      <t>ナカ</t>
    </rPh>
    <rPh sb="2" eb="3">
      <t>ガク</t>
    </rPh>
    <rPh sb="4" eb="5">
      <t>コウ</t>
    </rPh>
    <phoneticPr fontId="2"/>
  </si>
  <si>
    <t>高等学校</t>
    <rPh sb="0" eb="2">
      <t>コウトウ</t>
    </rPh>
    <rPh sb="2" eb="4">
      <t>ガッコウ</t>
    </rPh>
    <phoneticPr fontId="2"/>
  </si>
  <si>
    <t>学 校 種 別</t>
    <rPh sb="0" eb="1">
      <t>ガク</t>
    </rPh>
    <rPh sb="2" eb="3">
      <t>コウ</t>
    </rPh>
    <rPh sb="4" eb="5">
      <t>タネ</t>
    </rPh>
    <rPh sb="6" eb="7">
      <t>ベツ</t>
    </rPh>
    <phoneticPr fontId="2"/>
  </si>
  <si>
    <t>施　　　 設　　   概　 　　要 　　  書　（ 旧　、　更　新　、　新 ）</t>
    <rPh sb="0" eb="1">
      <t>ホドコ</t>
    </rPh>
    <rPh sb="5" eb="6">
      <t>セツ</t>
    </rPh>
    <rPh sb="11" eb="12">
      <t>オオムネ</t>
    </rPh>
    <rPh sb="16" eb="17">
      <t>ヨウ</t>
    </rPh>
    <rPh sb="22" eb="23">
      <t>ショ</t>
    </rPh>
    <rPh sb="26" eb="27">
      <t>キュウ</t>
    </rPh>
    <rPh sb="30" eb="31">
      <t>サラ</t>
    </rPh>
    <rPh sb="32" eb="33">
      <t>シン</t>
    </rPh>
    <rPh sb="36" eb="37">
      <t>シン</t>
    </rPh>
    <phoneticPr fontId="2"/>
  </si>
  <si>
    <t xml:space="preserve">         ①　施 設 の 概 要</t>
    <rPh sb="11" eb="12">
      <t>ホドコ</t>
    </rPh>
    <rPh sb="13" eb="14">
      <t>セツ</t>
    </rPh>
    <rPh sb="17" eb="18">
      <t>オオムネ</t>
    </rPh>
    <rPh sb="19" eb="20">
      <t>ヨウ</t>
    </rPh>
    <phoneticPr fontId="2"/>
  </si>
  <si>
    <t>　（１）小・中・中等教育・高等学校</t>
    <rPh sb="4" eb="5">
      <t>ショウ</t>
    </rPh>
    <rPh sb="6" eb="7">
      <t>ナカ</t>
    </rPh>
    <rPh sb="8" eb="10">
      <t>チュウトウ</t>
    </rPh>
    <rPh sb="10" eb="12">
      <t>キョウイク</t>
    </rPh>
    <rPh sb="13" eb="15">
      <t>コウトウ</t>
    </rPh>
    <rPh sb="15" eb="17">
      <t>ガッコウ</t>
    </rPh>
    <phoneticPr fontId="2"/>
  </si>
  <si>
    <t>３　施 設 概 要 書</t>
    <rPh sb="2" eb="3">
      <t>ホドコ</t>
    </rPh>
    <rPh sb="4" eb="5">
      <t>セツ</t>
    </rPh>
    <rPh sb="6" eb="7">
      <t>オオムネ</t>
    </rPh>
    <rPh sb="8" eb="9">
      <t>ヨウ</t>
    </rPh>
    <rPh sb="10" eb="11">
      <t>ショ</t>
    </rPh>
    <phoneticPr fontId="2"/>
  </si>
  <si>
    <t>　　　　２　室数については「①　施設の概要」に記入した使途別内訳面積に相当する室数を記入してください。</t>
    <rPh sb="6" eb="8">
      <t>シツスウ</t>
    </rPh>
    <rPh sb="16" eb="18">
      <t>シセツ</t>
    </rPh>
    <rPh sb="19" eb="21">
      <t>ガイヨウ</t>
    </rPh>
    <rPh sb="23" eb="25">
      <t>キニュウ</t>
    </rPh>
    <rPh sb="27" eb="30">
      <t>シトベツ</t>
    </rPh>
    <rPh sb="30" eb="32">
      <t>ウチワケ</t>
    </rPh>
    <rPh sb="32" eb="34">
      <t>メンセキ</t>
    </rPh>
    <rPh sb="35" eb="37">
      <t>ソウトウ</t>
    </rPh>
    <rPh sb="39" eb="41">
      <t>シツスウ</t>
    </rPh>
    <rPh sb="42" eb="44">
      <t>キニュウ</t>
    </rPh>
    <phoneticPr fontId="2"/>
  </si>
  <si>
    <t>（注）　１　定時制課程を併設している場合は、定時制課程で使用する教室をそれぞれの欄の下欄に（　　）で記入してください。</t>
    <rPh sb="1" eb="2">
      <t>チュウ</t>
    </rPh>
    <rPh sb="6" eb="9">
      <t>テイジセイ</t>
    </rPh>
    <rPh sb="9" eb="11">
      <t>カテイ</t>
    </rPh>
    <rPh sb="12" eb="14">
      <t>ヘイセツ</t>
    </rPh>
    <rPh sb="18" eb="20">
      <t>バアイ</t>
    </rPh>
    <rPh sb="22" eb="25">
      <t>テイジセイ</t>
    </rPh>
    <rPh sb="25" eb="27">
      <t>カテイ</t>
    </rPh>
    <rPh sb="28" eb="30">
      <t>シヨウ</t>
    </rPh>
    <rPh sb="32" eb="34">
      <t>キョウシツ</t>
    </rPh>
    <rPh sb="40" eb="41">
      <t>ラン</t>
    </rPh>
    <rPh sb="42" eb="43">
      <t>シタ</t>
    </rPh>
    <rPh sb="43" eb="44">
      <t>ラン</t>
    </rPh>
    <rPh sb="50" eb="52">
      <t>キニュウ</t>
    </rPh>
    <phoneticPr fontId="2"/>
  </si>
  <si>
    <t>ｶ所</t>
    <rPh sb="1" eb="2">
      <t>ショ</t>
    </rPh>
    <phoneticPr fontId="2"/>
  </si>
  <si>
    <t>便　　　　　所</t>
    <rPh sb="0" eb="1">
      <t>ビン</t>
    </rPh>
    <rPh sb="6" eb="7">
      <t>トコロ</t>
    </rPh>
    <phoneticPr fontId="2"/>
  </si>
  <si>
    <t>合　　　　　計</t>
    <rPh sb="0" eb="1">
      <t>ゴウ</t>
    </rPh>
    <rPh sb="6" eb="7">
      <t>ケイ</t>
    </rPh>
    <phoneticPr fontId="2"/>
  </si>
  <si>
    <t>書 道 教 室</t>
    <rPh sb="0" eb="1">
      <t>ショ</t>
    </rPh>
    <rPh sb="2" eb="3">
      <t>ミチ</t>
    </rPh>
    <rPh sb="4" eb="5">
      <t>キョウ</t>
    </rPh>
    <rPh sb="6" eb="7">
      <t>シツ</t>
    </rPh>
    <phoneticPr fontId="2"/>
  </si>
  <si>
    <t>その他の室等</t>
    <rPh sb="2" eb="3">
      <t>タ</t>
    </rPh>
    <rPh sb="4" eb="5">
      <t>シツ</t>
    </rPh>
    <rPh sb="5" eb="6">
      <t>トウ</t>
    </rPh>
    <phoneticPr fontId="2"/>
  </si>
  <si>
    <t>工 作 教 室</t>
    <rPh sb="0" eb="1">
      <t>コウ</t>
    </rPh>
    <rPh sb="2" eb="3">
      <t>サク</t>
    </rPh>
    <rPh sb="4" eb="5">
      <t>キョウ</t>
    </rPh>
    <rPh sb="6" eb="7">
      <t>シツ</t>
    </rPh>
    <phoneticPr fontId="2"/>
  </si>
  <si>
    <t>用　務　員　室</t>
    <rPh sb="0" eb="1">
      <t>ヨウ</t>
    </rPh>
    <rPh sb="2" eb="3">
      <t>ツトム</t>
    </rPh>
    <rPh sb="4" eb="5">
      <t>イン</t>
    </rPh>
    <rPh sb="6" eb="7">
      <t>シツ</t>
    </rPh>
    <phoneticPr fontId="2"/>
  </si>
  <si>
    <t>製 図 教 室</t>
    <rPh sb="0" eb="1">
      <t>セイ</t>
    </rPh>
    <rPh sb="2" eb="3">
      <t>ズ</t>
    </rPh>
    <rPh sb="4" eb="5">
      <t>キョウ</t>
    </rPh>
    <rPh sb="6" eb="7">
      <t>シツ</t>
    </rPh>
    <phoneticPr fontId="2"/>
  </si>
  <si>
    <t>室</t>
    <rPh sb="0" eb="1">
      <t>シツ</t>
    </rPh>
    <phoneticPr fontId="2"/>
  </si>
  <si>
    <t>医　　務 　 室</t>
    <rPh sb="0" eb="1">
      <t>イ</t>
    </rPh>
    <rPh sb="3" eb="4">
      <t>ツトム</t>
    </rPh>
    <rPh sb="7" eb="8">
      <t>シツ</t>
    </rPh>
    <phoneticPr fontId="2"/>
  </si>
  <si>
    <t>図 画 教 室</t>
    <rPh sb="0" eb="1">
      <t>ズ</t>
    </rPh>
    <rPh sb="2" eb="3">
      <t>ガ</t>
    </rPh>
    <rPh sb="4" eb="5">
      <t>キョウ</t>
    </rPh>
    <rPh sb="6" eb="7">
      <t>シツ</t>
    </rPh>
    <phoneticPr fontId="2"/>
  </si>
  <si>
    <t>講堂（体育館）</t>
    <rPh sb="0" eb="2">
      <t>コウドウ</t>
    </rPh>
    <rPh sb="3" eb="6">
      <t>タイイクカン</t>
    </rPh>
    <phoneticPr fontId="2"/>
  </si>
  <si>
    <t>音 楽 教 室</t>
    <rPh sb="0" eb="1">
      <t>オト</t>
    </rPh>
    <rPh sb="2" eb="3">
      <t>ラク</t>
    </rPh>
    <rPh sb="4" eb="5">
      <t>キョウ</t>
    </rPh>
    <rPh sb="6" eb="7">
      <t>シツ</t>
    </rPh>
    <phoneticPr fontId="2"/>
  </si>
  <si>
    <t>教</t>
    <rPh sb="0" eb="1">
      <t>キョウ</t>
    </rPh>
    <phoneticPr fontId="2"/>
  </si>
  <si>
    <t>図　  書 　 室</t>
    <rPh sb="0" eb="1">
      <t>ズ</t>
    </rPh>
    <rPh sb="4" eb="5">
      <t>ショ</t>
    </rPh>
    <rPh sb="8" eb="9">
      <t>シツ</t>
    </rPh>
    <phoneticPr fontId="2"/>
  </si>
  <si>
    <t>地学実験室</t>
    <rPh sb="0" eb="2">
      <t>チガク</t>
    </rPh>
    <rPh sb="2" eb="5">
      <t>ジッケンシツ</t>
    </rPh>
    <phoneticPr fontId="2"/>
  </si>
  <si>
    <t>標    本    室</t>
    <rPh sb="0" eb="1">
      <t>シルベ</t>
    </rPh>
    <rPh sb="5" eb="6">
      <t>ホン</t>
    </rPh>
    <rPh sb="10" eb="11">
      <t>シツ</t>
    </rPh>
    <phoneticPr fontId="2"/>
  </si>
  <si>
    <t>生物実験室</t>
    <rPh sb="0" eb="2">
      <t>セイブツ</t>
    </rPh>
    <rPh sb="2" eb="5">
      <t>ジッケンシツ</t>
    </rPh>
    <phoneticPr fontId="2"/>
  </si>
  <si>
    <t>準　  備 　 室</t>
    <rPh sb="0" eb="1">
      <t>ジュン</t>
    </rPh>
    <rPh sb="4" eb="5">
      <t>ビ</t>
    </rPh>
    <rPh sb="8" eb="9">
      <t>シツ</t>
    </rPh>
    <phoneticPr fontId="2"/>
  </si>
  <si>
    <t>化学実験室</t>
    <rPh sb="0" eb="2">
      <t>カガク</t>
    </rPh>
    <rPh sb="2" eb="5">
      <t>ジッケンシツ</t>
    </rPh>
    <phoneticPr fontId="2"/>
  </si>
  <si>
    <t>その他特別教室</t>
    <rPh sb="2" eb="3">
      <t>タ</t>
    </rPh>
    <rPh sb="3" eb="5">
      <t>トクベツ</t>
    </rPh>
    <rPh sb="5" eb="7">
      <t>キョウシツ</t>
    </rPh>
    <phoneticPr fontId="2"/>
  </si>
  <si>
    <t>物理実験室</t>
    <rPh sb="0" eb="2">
      <t>ブツリ</t>
    </rPh>
    <rPh sb="2" eb="5">
      <t>ジッケンシツ</t>
    </rPh>
    <phoneticPr fontId="2"/>
  </si>
  <si>
    <t>特</t>
    <rPh sb="0" eb="1">
      <t>トク</t>
    </rPh>
    <phoneticPr fontId="2"/>
  </si>
  <si>
    <t>視聴覚教室</t>
    <rPh sb="0" eb="3">
      <t>シチョウカク</t>
    </rPh>
    <rPh sb="3" eb="5">
      <t>キョウシツ</t>
    </rPh>
    <phoneticPr fontId="2"/>
  </si>
  <si>
    <t>社会科教室</t>
    <rPh sb="0" eb="3">
      <t>シャカイカ</t>
    </rPh>
    <rPh sb="3" eb="5">
      <t>キョウシツ</t>
    </rPh>
    <phoneticPr fontId="2"/>
  </si>
  <si>
    <t>L . L 教 室</t>
    <rPh sb="6" eb="7">
      <t>キョウ</t>
    </rPh>
    <rPh sb="8" eb="9">
      <t>シツ</t>
    </rPh>
    <phoneticPr fontId="2"/>
  </si>
  <si>
    <t>普  通  教  室</t>
    <rPh sb="0" eb="1">
      <t>アマネ</t>
    </rPh>
    <rPh sb="3" eb="4">
      <t>ツウ</t>
    </rPh>
    <rPh sb="6" eb="7">
      <t>キョウ</t>
    </rPh>
    <rPh sb="9" eb="10">
      <t>シツ</t>
    </rPh>
    <phoneticPr fontId="2"/>
  </si>
  <si>
    <t>工業科教室</t>
    <rPh sb="0" eb="3">
      <t>コウギョウカ</t>
    </rPh>
    <rPh sb="3" eb="5">
      <t>キョウシツ</t>
    </rPh>
    <phoneticPr fontId="2"/>
  </si>
  <si>
    <t>事    務    室</t>
    <rPh sb="0" eb="1">
      <t>コト</t>
    </rPh>
    <rPh sb="5" eb="6">
      <t>ツトム</t>
    </rPh>
    <rPh sb="10" eb="11">
      <t>シツ</t>
    </rPh>
    <phoneticPr fontId="2"/>
  </si>
  <si>
    <t>商業科教室</t>
    <rPh sb="0" eb="3">
      <t>ショウギョウカ</t>
    </rPh>
    <rPh sb="3" eb="5">
      <t>キョウシツ</t>
    </rPh>
    <phoneticPr fontId="2"/>
  </si>
  <si>
    <t>教    員    室</t>
    <rPh sb="0" eb="1">
      <t>キョウ</t>
    </rPh>
    <rPh sb="5" eb="6">
      <t>イン</t>
    </rPh>
    <rPh sb="10" eb="11">
      <t>シツ</t>
    </rPh>
    <phoneticPr fontId="2"/>
  </si>
  <si>
    <t>家庭科教室</t>
    <rPh sb="0" eb="2">
      <t>カテイ</t>
    </rPh>
    <rPh sb="2" eb="3">
      <t>カ</t>
    </rPh>
    <rPh sb="3" eb="5">
      <t>キョウシツ</t>
    </rPh>
    <phoneticPr fontId="2"/>
  </si>
  <si>
    <t>会    議    室</t>
    <rPh sb="0" eb="1">
      <t>カイ</t>
    </rPh>
    <rPh sb="5" eb="6">
      <t>ギ</t>
    </rPh>
    <rPh sb="10" eb="11">
      <t>シツ</t>
    </rPh>
    <phoneticPr fontId="2"/>
  </si>
  <si>
    <t>調理実習室</t>
    <rPh sb="0" eb="2">
      <t>チョウリ</t>
    </rPh>
    <rPh sb="2" eb="4">
      <t>ジッシュウ</t>
    </rPh>
    <rPh sb="4" eb="5">
      <t>シツ</t>
    </rPh>
    <phoneticPr fontId="2"/>
  </si>
  <si>
    <t>校　  長  　室</t>
    <rPh sb="0" eb="1">
      <t>コウ</t>
    </rPh>
    <rPh sb="4" eb="5">
      <t>チョウ</t>
    </rPh>
    <rPh sb="8" eb="9">
      <t>シツ</t>
    </rPh>
    <phoneticPr fontId="2"/>
  </si>
  <si>
    <t>共 用</t>
    <rPh sb="0" eb="1">
      <t>トモ</t>
    </rPh>
    <rPh sb="2" eb="3">
      <t>ヨウ</t>
    </rPh>
    <phoneticPr fontId="2"/>
  </si>
  <si>
    <t>専 用</t>
    <rPh sb="0" eb="1">
      <t>セン</t>
    </rPh>
    <rPh sb="2" eb="3">
      <t>ヨウ</t>
    </rPh>
    <phoneticPr fontId="2"/>
  </si>
  <si>
    <t>数</t>
    <rPh sb="0" eb="1">
      <t>スウ</t>
    </rPh>
    <phoneticPr fontId="2"/>
  </si>
  <si>
    <t xml:space="preserve"> 室 区 分</t>
    <rPh sb="1" eb="2">
      <t>シツ</t>
    </rPh>
    <rPh sb="3" eb="4">
      <t>ク</t>
    </rPh>
    <rPh sb="5" eb="6">
      <t>ブン</t>
    </rPh>
    <phoneticPr fontId="2"/>
  </si>
  <si>
    <t>現 在 使 用 し て い る 室 数</t>
    <rPh sb="0" eb="1">
      <t>ウツツ</t>
    </rPh>
    <rPh sb="2" eb="3">
      <t>ザイ</t>
    </rPh>
    <rPh sb="4" eb="5">
      <t>ツカ</t>
    </rPh>
    <rPh sb="6" eb="7">
      <t>ヨウ</t>
    </rPh>
    <rPh sb="16" eb="17">
      <t>シツ</t>
    </rPh>
    <rPh sb="18" eb="19">
      <t>カズ</t>
    </rPh>
    <phoneticPr fontId="2"/>
  </si>
  <si>
    <t>総</t>
    <rPh sb="0" eb="1">
      <t>ソウ</t>
    </rPh>
    <phoneticPr fontId="2"/>
  </si>
  <si>
    <t>室　　数</t>
    <rPh sb="0" eb="1">
      <t>シツ</t>
    </rPh>
    <rPh sb="3" eb="4">
      <t>カズ</t>
    </rPh>
    <phoneticPr fontId="2"/>
  </si>
  <si>
    <t xml:space="preserve"> ②　校 舎 の 使 途 別 室 数</t>
    <rPh sb="3" eb="4">
      <t>コウ</t>
    </rPh>
    <rPh sb="5" eb="6">
      <t>シャ</t>
    </rPh>
    <rPh sb="9" eb="10">
      <t>ツカ</t>
    </rPh>
    <rPh sb="11" eb="12">
      <t>ト</t>
    </rPh>
    <rPh sb="13" eb="14">
      <t>ベツ</t>
    </rPh>
    <rPh sb="15" eb="16">
      <t>シツ</t>
    </rPh>
    <rPh sb="17" eb="18">
      <t>スウ</t>
    </rPh>
    <phoneticPr fontId="2"/>
  </si>
  <si>
    <t>　　　　５　中等教育学校は、この様式に準じて作成してください。</t>
    <rPh sb="6" eb="8">
      <t>チュウトウ</t>
    </rPh>
    <rPh sb="8" eb="10">
      <t>キョウイク</t>
    </rPh>
    <rPh sb="10" eb="12">
      <t>ガッコウ</t>
    </rPh>
    <rPh sb="16" eb="18">
      <t>ヨウシキ</t>
    </rPh>
    <rPh sb="19" eb="20">
      <t>ジュン</t>
    </rPh>
    <rPh sb="22" eb="24">
      <t>サクセイ</t>
    </rPh>
    <phoneticPr fontId="2"/>
  </si>
  <si>
    <t>　　　　３　クラブ（部）室については、クラブ活動専用の総室数、総面積を記入してください。</t>
    <rPh sb="10" eb="11">
      <t>ブ</t>
    </rPh>
    <rPh sb="12" eb="13">
      <t>シツ</t>
    </rPh>
    <rPh sb="22" eb="24">
      <t>カツドウ</t>
    </rPh>
    <rPh sb="24" eb="26">
      <t>センヨウ</t>
    </rPh>
    <rPh sb="27" eb="28">
      <t>ソウ</t>
    </rPh>
    <rPh sb="28" eb="29">
      <t>シツ</t>
    </rPh>
    <rPh sb="29" eb="30">
      <t>スウ</t>
    </rPh>
    <rPh sb="31" eb="32">
      <t>ソウ</t>
    </rPh>
    <rPh sb="32" eb="34">
      <t>メンセキ</t>
    </rPh>
    <rPh sb="35" eb="37">
      <t>キニュウ</t>
    </rPh>
    <phoneticPr fontId="2"/>
  </si>
  <si>
    <t>使用目的　　　</t>
    <rPh sb="0" eb="2">
      <t>シヨウ</t>
    </rPh>
    <rPh sb="2" eb="4">
      <t>モクテキ</t>
    </rPh>
    <phoneticPr fontId="2"/>
  </si>
  <si>
    <t>収容定員　　　      人</t>
    <rPh sb="0" eb="2">
      <t>シュウヨウ</t>
    </rPh>
    <rPh sb="2" eb="4">
      <t>テイイン</t>
    </rPh>
    <rPh sb="13" eb="14">
      <t>ニン</t>
    </rPh>
    <phoneticPr fontId="2"/>
  </si>
  <si>
    <t>所 在 地</t>
    <rPh sb="0" eb="1">
      <t>トコロ</t>
    </rPh>
    <rPh sb="2" eb="3">
      <t>ザイ</t>
    </rPh>
    <rPh sb="4" eb="5">
      <t>チ</t>
    </rPh>
    <phoneticPr fontId="2"/>
  </si>
  <si>
    <t>（注）　１　同じ区分の施設を２カ所所有する場合は、それぞれの面積等を別々に記入してください。</t>
    <rPh sb="1" eb="2">
      <t>チュウ</t>
    </rPh>
    <rPh sb="6" eb="7">
      <t>オナ</t>
    </rPh>
    <rPh sb="8" eb="10">
      <t>クブン</t>
    </rPh>
    <rPh sb="11" eb="13">
      <t>シセツ</t>
    </rPh>
    <rPh sb="16" eb="17">
      <t>ショ</t>
    </rPh>
    <rPh sb="17" eb="19">
      <t>ショユウ</t>
    </rPh>
    <rPh sb="21" eb="23">
      <t>バアイ</t>
    </rPh>
    <rPh sb="30" eb="32">
      <t>メンセキ</t>
    </rPh>
    <rPh sb="32" eb="33">
      <t>トウ</t>
    </rPh>
    <rPh sb="34" eb="36">
      <t>ベツベツ</t>
    </rPh>
    <rPh sb="37" eb="39">
      <t>キニュウ</t>
    </rPh>
    <phoneticPr fontId="2"/>
  </si>
  <si>
    <t>建物面積　　 　     ㎡</t>
    <rPh sb="0" eb="2">
      <t>タテモノ</t>
    </rPh>
    <rPh sb="2" eb="4">
      <t>メンセキ</t>
    </rPh>
    <phoneticPr fontId="2"/>
  </si>
  <si>
    <t>収容人員　　　　　　　　　　　　　　　　人</t>
    <rPh sb="0" eb="2">
      <t>シュウヨウ</t>
    </rPh>
    <rPh sb="2" eb="4">
      <t>ジンイン</t>
    </rPh>
    <rPh sb="20" eb="21">
      <t>ニン</t>
    </rPh>
    <phoneticPr fontId="2"/>
  </si>
  <si>
    <t>使用目的</t>
    <rPh sb="0" eb="2">
      <t>シヨウ</t>
    </rPh>
    <rPh sb="2" eb="4">
      <t>モクテキ</t>
    </rPh>
    <phoneticPr fontId="2"/>
  </si>
  <si>
    <r>
      <t>建物面積　　 　　　 ㎡</t>
    </r>
    <r>
      <rPr>
        <sz val="9"/>
        <rFont val="ＭＳ Ｐ明朝"/>
        <family val="1"/>
        <charset val="128"/>
      </rPr>
      <t>（法人所有・借用）　</t>
    </r>
    <rPh sb="0" eb="2">
      <t>タテモノ</t>
    </rPh>
    <rPh sb="2" eb="4">
      <t>メンセキ</t>
    </rPh>
    <rPh sb="13" eb="15">
      <t>ホウジン</t>
    </rPh>
    <rPh sb="15" eb="17">
      <t>ショユウ</t>
    </rPh>
    <rPh sb="18" eb="20">
      <t>シャクヨウ</t>
    </rPh>
    <phoneticPr fontId="2"/>
  </si>
  <si>
    <r>
      <t>敷地面積　　 　　　 ㎡</t>
    </r>
    <r>
      <rPr>
        <sz val="9"/>
        <rFont val="ＭＳ Ｐ明朝"/>
        <family val="1"/>
        <charset val="128"/>
      </rPr>
      <t>（法人所有・借用）　</t>
    </r>
    <rPh sb="0" eb="2">
      <t>シキチ</t>
    </rPh>
    <rPh sb="2" eb="4">
      <t>メンセキ</t>
    </rPh>
    <rPh sb="13" eb="15">
      <t>ホウジン</t>
    </rPh>
    <rPh sb="15" eb="17">
      <t>ショユウ</t>
    </rPh>
    <rPh sb="18" eb="20">
      <t>シャクヨウ</t>
    </rPh>
    <phoneticPr fontId="2"/>
  </si>
  <si>
    <t>寄宿舎</t>
    <rPh sb="0" eb="3">
      <t>キシュクシャ</t>
    </rPh>
    <phoneticPr fontId="2"/>
  </si>
  <si>
    <t>及び生徒食堂</t>
    <rPh sb="0" eb="1">
      <t>オヨ</t>
    </rPh>
    <rPh sb="2" eb="4">
      <t>セイト</t>
    </rPh>
    <rPh sb="4" eb="6">
      <t>ショクドウ</t>
    </rPh>
    <phoneticPr fontId="2"/>
  </si>
  <si>
    <t>名      称</t>
    <rPh sb="0" eb="1">
      <t>メイ</t>
    </rPh>
    <rPh sb="7" eb="8">
      <t>ショウ</t>
    </rPh>
    <phoneticPr fontId="2"/>
  </si>
  <si>
    <t>地外施設</t>
    <rPh sb="0" eb="1">
      <t>チ</t>
    </rPh>
    <rPh sb="1" eb="2">
      <t>ガイ</t>
    </rPh>
    <rPh sb="2" eb="4">
      <t>シセツ</t>
    </rPh>
    <phoneticPr fontId="2"/>
  </si>
  <si>
    <t xml:space="preserve"> 調理場                   ㎡</t>
    <rPh sb="1" eb="3">
      <t>チョウリ</t>
    </rPh>
    <rPh sb="3" eb="4">
      <t>ジョウ</t>
    </rPh>
    <phoneticPr fontId="2"/>
  </si>
  <si>
    <t>給 食 施 設</t>
    <rPh sb="0" eb="1">
      <t>キュウ</t>
    </rPh>
    <rPh sb="2" eb="3">
      <t>ショク</t>
    </rPh>
    <rPh sb="4" eb="5">
      <t>ホドコ</t>
    </rPh>
    <rPh sb="6" eb="7">
      <t>セツ</t>
    </rPh>
    <phoneticPr fontId="2"/>
  </si>
  <si>
    <t>学校所在</t>
    <rPh sb="0" eb="2">
      <t>ガッコウ</t>
    </rPh>
    <rPh sb="2" eb="4">
      <t>ショザイ</t>
    </rPh>
    <phoneticPr fontId="2"/>
  </si>
  <si>
    <t xml:space="preserve"> 　　　室  　　             ㎡</t>
    <rPh sb="4" eb="5">
      <t>シツ</t>
    </rPh>
    <phoneticPr fontId="2"/>
  </si>
  <si>
    <t>ｸﾗﾌﾞ（部）室</t>
    <rPh sb="5" eb="6">
      <t>ブ</t>
    </rPh>
    <rPh sb="7" eb="8">
      <t>シツ</t>
    </rPh>
    <phoneticPr fontId="2"/>
  </si>
  <si>
    <t>相　 撲 　場</t>
    <rPh sb="0" eb="1">
      <t>ソウ</t>
    </rPh>
    <rPh sb="3" eb="4">
      <t>ホク</t>
    </rPh>
    <rPh sb="6" eb="7">
      <t>ジョウ</t>
    </rPh>
    <phoneticPr fontId="2"/>
  </si>
  <si>
    <t>弓　 道 　場</t>
    <rPh sb="0" eb="1">
      <t>ユミ</t>
    </rPh>
    <rPh sb="3" eb="4">
      <t>ミチ</t>
    </rPh>
    <rPh sb="6" eb="7">
      <t>ジョウ</t>
    </rPh>
    <phoneticPr fontId="2"/>
  </si>
  <si>
    <t xml:space="preserve"> 柔剣道場                ㎡</t>
    <rPh sb="1" eb="4">
      <t>ジュウケンドウ</t>
    </rPh>
    <rPh sb="4" eb="5">
      <t>ジョウ</t>
    </rPh>
    <phoneticPr fontId="2"/>
  </si>
  <si>
    <t xml:space="preserve"> 剣道場                   ㎡</t>
    <rPh sb="1" eb="3">
      <t>ケンドウ</t>
    </rPh>
    <rPh sb="3" eb="4">
      <t>ジョウ</t>
    </rPh>
    <phoneticPr fontId="2"/>
  </si>
  <si>
    <t xml:space="preserve"> 柔道場                   ㎡</t>
    <rPh sb="1" eb="3">
      <t>ジュウドウ</t>
    </rPh>
    <rPh sb="3" eb="4">
      <t>ジョウ</t>
    </rPh>
    <phoneticPr fontId="2"/>
  </si>
  <si>
    <t>柔 剣 道 場</t>
    <rPh sb="0" eb="1">
      <t>ジュウ</t>
    </rPh>
    <rPh sb="2" eb="3">
      <t>ケン</t>
    </rPh>
    <rPh sb="4" eb="5">
      <t>ミチ</t>
    </rPh>
    <rPh sb="6" eb="7">
      <t>バ</t>
    </rPh>
    <phoneticPr fontId="2"/>
  </si>
  <si>
    <t>収容世帯数</t>
    <rPh sb="0" eb="2">
      <t>シュウヨウ</t>
    </rPh>
    <rPh sb="2" eb="5">
      <t>セタイスウ</t>
    </rPh>
    <phoneticPr fontId="2"/>
  </si>
  <si>
    <t>棟　　　   数　　　　</t>
    <rPh sb="0" eb="1">
      <t>トウ</t>
    </rPh>
    <rPh sb="7" eb="8">
      <t>スウ</t>
    </rPh>
    <phoneticPr fontId="2"/>
  </si>
  <si>
    <t>体　 育   館</t>
    <rPh sb="0" eb="1">
      <t>カラダ</t>
    </rPh>
    <rPh sb="3" eb="4">
      <t>イク</t>
    </rPh>
    <rPh sb="7" eb="8">
      <t>カン</t>
    </rPh>
    <phoneticPr fontId="2"/>
  </si>
  <si>
    <t>建 築 面 積</t>
    <rPh sb="0" eb="1">
      <t>ダテ</t>
    </rPh>
    <rPh sb="2" eb="3">
      <t>チク</t>
    </rPh>
    <rPh sb="4" eb="5">
      <t>メン</t>
    </rPh>
    <rPh sb="6" eb="7">
      <t>セキ</t>
    </rPh>
    <phoneticPr fontId="2"/>
  </si>
  <si>
    <t>プ　 ー 　ル</t>
    <phoneticPr fontId="2"/>
  </si>
  <si>
    <t>職員住宅</t>
    <rPh sb="0" eb="2">
      <t>ショクイン</t>
    </rPh>
    <rPh sb="2" eb="4">
      <t>ジュウタク</t>
    </rPh>
    <phoneticPr fontId="2"/>
  </si>
  <si>
    <t>生徒集会場</t>
    <rPh sb="0" eb="2">
      <t>セイト</t>
    </rPh>
    <rPh sb="2" eb="5">
      <t>シュウカイジョウ</t>
    </rPh>
    <phoneticPr fontId="2"/>
  </si>
  <si>
    <t>共用</t>
    <rPh sb="0" eb="2">
      <t>キョウヨウ</t>
    </rPh>
    <phoneticPr fontId="2"/>
  </si>
  <si>
    <t>専用</t>
    <rPh sb="0" eb="2">
      <t>センヨウ</t>
    </rPh>
    <phoneticPr fontId="2"/>
  </si>
  <si>
    <t>小　学　校</t>
    <rPh sb="0" eb="1">
      <t>ショウ</t>
    </rPh>
    <rPh sb="2" eb="3">
      <t>ガク</t>
    </rPh>
    <rPh sb="4" eb="5">
      <t>コウ</t>
    </rPh>
    <phoneticPr fontId="2"/>
  </si>
  <si>
    <t>中　学　校</t>
    <rPh sb="0" eb="1">
      <t>ナカ</t>
    </rPh>
    <rPh sb="2" eb="3">
      <t>ガク</t>
    </rPh>
    <rPh sb="4" eb="5">
      <t>コウ</t>
    </rPh>
    <phoneticPr fontId="2"/>
  </si>
  <si>
    <t>規　　  模　　  等</t>
    <rPh sb="0" eb="1">
      <t>キ</t>
    </rPh>
    <rPh sb="5" eb="6">
      <t>ノット</t>
    </rPh>
    <rPh sb="10" eb="11">
      <t>トウ</t>
    </rPh>
    <phoneticPr fontId="2"/>
  </si>
  <si>
    <t>区　　　分</t>
    <rPh sb="0" eb="1">
      <t>ク</t>
    </rPh>
    <rPh sb="4" eb="5">
      <t>ブン</t>
    </rPh>
    <phoneticPr fontId="2"/>
  </si>
  <si>
    <t>規　　模　　等</t>
    <rPh sb="0" eb="1">
      <t>キ</t>
    </rPh>
    <rPh sb="3" eb="4">
      <t>ノット</t>
    </rPh>
    <rPh sb="6" eb="7">
      <t>トウ</t>
    </rPh>
    <phoneticPr fontId="2"/>
  </si>
  <si>
    <t>用　　　　途　　　　別</t>
    <rPh sb="0" eb="1">
      <t>ヨウ</t>
    </rPh>
    <rPh sb="5" eb="6">
      <t>ト</t>
    </rPh>
    <rPh sb="10" eb="11">
      <t>ベツ</t>
    </rPh>
    <phoneticPr fontId="2"/>
  </si>
  <si>
    <t xml:space="preserve"> ③　施 設 の 状 況</t>
    <rPh sb="3" eb="4">
      <t>ホドコ</t>
    </rPh>
    <rPh sb="5" eb="6">
      <t>セツ</t>
    </rPh>
    <rPh sb="9" eb="10">
      <t>ジョウ</t>
    </rPh>
    <rPh sb="11" eb="12">
      <t>イワン</t>
    </rPh>
    <phoneticPr fontId="2"/>
  </si>
  <si>
    <t xml:space="preserve"> 食　 堂                   ㎡</t>
    <rPh sb="1" eb="2">
      <t>ショク</t>
    </rPh>
    <rPh sb="4" eb="5">
      <t>ドウ</t>
    </rPh>
    <phoneticPr fontId="2"/>
  </si>
  <si>
    <t>　　　２　園地以外の土地及び園舎以外の施設については、備考欄にその所在地を記載してください。</t>
    <rPh sb="5" eb="7">
      <t>エンチ</t>
    </rPh>
    <rPh sb="7" eb="9">
      <t>イガイ</t>
    </rPh>
    <rPh sb="10" eb="12">
      <t>トチ</t>
    </rPh>
    <rPh sb="12" eb="13">
      <t>オヨ</t>
    </rPh>
    <rPh sb="14" eb="16">
      <t>エンシャ</t>
    </rPh>
    <rPh sb="16" eb="18">
      <t>イガイ</t>
    </rPh>
    <rPh sb="19" eb="21">
      <t>シセツ</t>
    </rPh>
    <rPh sb="27" eb="29">
      <t>ビコウ</t>
    </rPh>
    <rPh sb="29" eb="30">
      <t>ラン</t>
    </rPh>
    <rPh sb="33" eb="36">
      <t>ショザイチ</t>
    </rPh>
    <rPh sb="37" eb="39">
      <t>キサイ</t>
    </rPh>
    <phoneticPr fontId="2"/>
  </si>
  <si>
    <t>　　　 る内容に準じてください。</t>
    <rPh sb="5" eb="7">
      <t>ナイヨウ</t>
    </rPh>
    <rPh sb="8" eb="9">
      <t>ジュン</t>
    </rPh>
    <phoneticPr fontId="2"/>
  </si>
  <si>
    <t>外</t>
    <rPh sb="0" eb="1">
      <t>ソト</t>
    </rPh>
    <phoneticPr fontId="2"/>
  </si>
  <si>
    <t>以</t>
    <rPh sb="0" eb="1">
      <t>イ</t>
    </rPh>
    <phoneticPr fontId="2"/>
  </si>
  <si>
    <t>設</t>
    <rPh sb="0" eb="1">
      <t>セツ</t>
    </rPh>
    <phoneticPr fontId="2"/>
  </si>
  <si>
    <t>施</t>
    <rPh sb="0" eb="1">
      <t>シ</t>
    </rPh>
    <phoneticPr fontId="2"/>
  </si>
  <si>
    <t>園</t>
    <rPh sb="0" eb="1">
      <t>エン</t>
    </rPh>
    <phoneticPr fontId="2"/>
  </si>
  <si>
    <t>の</t>
    <phoneticPr fontId="2"/>
  </si>
  <si>
    <t>外</t>
    <rPh sb="0" eb="1">
      <t>ガイ</t>
    </rPh>
    <phoneticPr fontId="2"/>
  </si>
  <si>
    <t>土</t>
    <rPh sb="0" eb="1">
      <t>ト</t>
    </rPh>
    <phoneticPr fontId="2"/>
  </si>
  <si>
    <t>の</t>
    <phoneticPr fontId="2"/>
  </si>
  <si>
    <t xml:space="preserve"> </t>
    <phoneticPr fontId="2"/>
  </si>
  <si>
    <t>便所</t>
    <rPh sb="0" eb="2">
      <t>ベンジョ</t>
    </rPh>
    <phoneticPr fontId="2"/>
  </si>
  <si>
    <t>職員室</t>
    <rPh sb="0" eb="3">
      <t>ショクインシツ</t>
    </rPh>
    <phoneticPr fontId="2"/>
  </si>
  <si>
    <t>　</t>
    <phoneticPr fontId="2"/>
  </si>
  <si>
    <t>保健室</t>
    <rPh sb="0" eb="3">
      <t>ホケンシツ</t>
    </rPh>
    <phoneticPr fontId="2"/>
  </si>
  <si>
    <t>の</t>
    <phoneticPr fontId="2"/>
  </si>
  <si>
    <t>遊戯室</t>
    <rPh sb="0" eb="3">
      <t>ユウギシツ</t>
    </rPh>
    <phoneticPr fontId="2"/>
  </si>
  <si>
    <t>（　　　　　　　　　　　　　室）</t>
    <rPh sb="14" eb="15">
      <t>シツ</t>
    </rPh>
    <phoneticPr fontId="2"/>
  </si>
  <si>
    <t>保育室</t>
    <rPh sb="0" eb="3">
      <t>ホイクシツ</t>
    </rPh>
    <phoneticPr fontId="2"/>
  </si>
  <si>
    <t>（借用先　　　　　　　　　　　　　　　　　）</t>
    <rPh sb="1" eb="3">
      <t>シャクヨウ</t>
    </rPh>
    <rPh sb="3" eb="4">
      <t>サキ</t>
    </rPh>
    <phoneticPr fontId="2"/>
  </si>
  <si>
    <t>（　　　　　　　　　　　 ㎡）</t>
    <phoneticPr fontId="2"/>
  </si>
  <si>
    <t>（就園児人口増加地域の特例による借用部分）</t>
    <rPh sb="1" eb="4">
      <t>シュウエンジ</t>
    </rPh>
    <rPh sb="4" eb="6">
      <t>ジンコウ</t>
    </rPh>
    <rPh sb="6" eb="8">
      <t>ゾウカ</t>
    </rPh>
    <rPh sb="8" eb="10">
      <t>チイキ</t>
    </rPh>
    <rPh sb="11" eb="13">
      <t>トクレイ</t>
    </rPh>
    <rPh sb="16" eb="18">
      <t>シャクヨウ</t>
    </rPh>
    <rPh sb="18" eb="20">
      <t>ブブン</t>
    </rPh>
    <phoneticPr fontId="2"/>
  </si>
  <si>
    <t>（借用先　　　　　　　　　　　　　　　　　）</t>
  </si>
  <si>
    <t>（　　　　　　　　　　　 ㎡）</t>
  </si>
  <si>
    <t>（うち借用部分）</t>
  </si>
  <si>
    <t>全園地</t>
    <rPh sb="0" eb="1">
      <t>ゼン</t>
    </rPh>
    <rPh sb="1" eb="3">
      <t>エンチ</t>
    </rPh>
    <phoneticPr fontId="2"/>
  </si>
  <si>
    <t>運動場の面積</t>
    <rPh sb="0" eb="3">
      <t>ウンドウジョウ</t>
    </rPh>
    <rPh sb="4" eb="6">
      <t>メンセキ</t>
    </rPh>
    <phoneticPr fontId="2"/>
  </si>
  <si>
    <t>　　　　　　　　　　　　　㎡</t>
    <phoneticPr fontId="2"/>
  </si>
  <si>
    <t>園舎の建築面積</t>
    <rPh sb="0" eb="2">
      <t>エンシャ</t>
    </rPh>
    <rPh sb="3" eb="5">
      <t>ケンチク</t>
    </rPh>
    <rPh sb="5" eb="7">
      <t>メンセキ</t>
    </rPh>
    <phoneticPr fontId="2"/>
  </si>
  <si>
    <t>備　　　　　　考</t>
    <rPh sb="0" eb="1">
      <t>ビ</t>
    </rPh>
    <rPh sb="7" eb="8">
      <t>コウ</t>
    </rPh>
    <phoneticPr fontId="2"/>
  </si>
  <si>
    <t>面　　　　　積</t>
    <rPh sb="0" eb="1">
      <t>メン</t>
    </rPh>
    <rPh sb="6" eb="7">
      <t>セキ</t>
    </rPh>
    <phoneticPr fontId="2"/>
  </si>
  <si>
    <t>区　　　　　　分</t>
    <rPh sb="0" eb="1">
      <t>ク</t>
    </rPh>
    <rPh sb="7" eb="8">
      <t>ブン</t>
    </rPh>
    <phoneticPr fontId="2"/>
  </si>
  <si>
    <t>施　　　設　　　概　　　要　　　書</t>
    <rPh sb="0" eb="1">
      <t>ホドコ</t>
    </rPh>
    <rPh sb="4" eb="5">
      <t>セツ</t>
    </rPh>
    <rPh sb="8" eb="9">
      <t>オオムネ</t>
    </rPh>
    <rPh sb="12" eb="13">
      <t>ヨウ</t>
    </rPh>
    <rPh sb="16" eb="17">
      <t>ショ</t>
    </rPh>
    <phoneticPr fontId="2"/>
  </si>
  <si>
    <t>（２）幼　稚　園</t>
    <rPh sb="3" eb="4">
      <t>ヨウ</t>
    </rPh>
    <rPh sb="5" eb="6">
      <t>チ</t>
    </rPh>
    <rPh sb="7" eb="8">
      <t>エン</t>
    </rPh>
    <phoneticPr fontId="2"/>
  </si>
  <si>
    <t>　　　 内容に準じてください。</t>
    <rPh sb="4" eb="6">
      <t>ナイヨウ</t>
    </rPh>
    <rPh sb="7" eb="8">
      <t>ジュン</t>
    </rPh>
    <phoneticPr fontId="2"/>
  </si>
  <si>
    <t>の</t>
    <phoneticPr fontId="2"/>
  </si>
  <si>
    <t>　</t>
    <phoneticPr fontId="2"/>
  </si>
  <si>
    <t>（　　　　　　室）</t>
    <rPh sb="7" eb="8">
      <t>シツ</t>
    </rPh>
    <phoneticPr fontId="2"/>
  </si>
  <si>
    <t>（借用先　　　　　　　　　　　）</t>
    <rPh sb="1" eb="3">
      <t>シャクヨウ</t>
    </rPh>
    <rPh sb="3" eb="4">
      <t>サキ</t>
    </rPh>
    <phoneticPr fontId="2"/>
  </si>
  <si>
    <t>（　　　　　　㎡）</t>
    <phoneticPr fontId="2"/>
  </si>
  <si>
    <t>（　　　　　　㎡）</t>
    <phoneticPr fontId="2"/>
  </si>
  <si>
    <t>（　　　　　　㎡）</t>
    <phoneticPr fontId="2"/>
  </si>
  <si>
    <t>（借用先　　　　　　　　　　　）</t>
  </si>
  <si>
    <t>（　　　　　　㎡）</t>
  </si>
  <si>
    <t xml:space="preserve"> </t>
    <phoneticPr fontId="2"/>
  </si>
  <si>
    <t xml:space="preserve"> </t>
    <phoneticPr fontId="2"/>
  </si>
  <si>
    <r>
      <t xml:space="preserve"> </t>
    </r>
    <r>
      <rPr>
        <sz val="11"/>
        <rFont val="ＭＳ Ｐゴシック"/>
        <family val="3"/>
        <charset val="128"/>
      </rPr>
      <t xml:space="preserve">                </t>
    </r>
    <r>
      <rPr>
        <sz val="11"/>
        <rFont val="ＭＳ Ｐ明朝"/>
        <family val="1"/>
        <charset val="128"/>
      </rPr>
      <t>㎡</t>
    </r>
    <phoneticPr fontId="2"/>
  </si>
  <si>
    <t>減少する面積</t>
    <rPh sb="0" eb="2">
      <t>ゲンショウ</t>
    </rPh>
    <rPh sb="4" eb="6">
      <t>メンセキ</t>
    </rPh>
    <phoneticPr fontId="2"/>
  </si>
  <si>
    <r>
      <t>新　 面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明朝"/>
        <family val="1"/>
        <charset val="128"/>
      </rPr>
      <t>　積</t>
    </r>
    <rPh sb="0" eb="1">
      <t>シン</t>
    </rPh>
    <rPh sb="3" eb="4">
      <t>メン</t>
    </rPh>
    <rPh sb="6" eb="7">
      <t>セキ</t>
    </rPh>
    <phoneticPr fontId="2"/>
  </si>
  <si>
    <r>
      <t>増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明朝"/>
        <family val="1"/>
        <charset val="128"/>
      </rPr>
      <t>加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明朝"/>
        <family val="1"/>
        <charset val="128"/>
      </rPr>
      <t>又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明朝"/>
        <family val="1"/>
        <charset val="128"/>
      </rPr>
      <t>は</t>
    </r>
    <rPh sb="0" eb="1">
      <t>ゾウ</t>
    </rPh>
    <rPh sb="3" eb="4">
      <t>クワ</t>
    </rPh>
    <rPh sb="6" eb="7">
      <t>マタ</t>
    </rPh>
    <phoneticPr fontId="2"/>
  </si>
  <si>
    <t>旧　 面 　積</t>
    <rPh sb="0" eb="1">
      <t>キュウ</t>
    </rPh>
    <rPh sb="3" eb="4">
      <t>メン</t>
    </rPh>
    <rPh sb="6" eb="7">
      <t>セキ</t>
    </rPh>
    <phoneticPr fontId="2"/>
  </si>
  <si>
    <t>　　　　　　　　　　（変更の場合）</t>
    <rPh sb="11" eb="13">
      <t>ヘンコウ</t>
    </rPh>
    <rPh sb="14" eb="16">
      <t>バアイ</t>
    </rPh>
    <phoneticPr fontId="2"/>
  </si>
  <si>
    <t>施　　　 設 　　　概 　　　要 　　　書</t>
    <rPh sb="0" eb="1">
      <t>ホドコ</t>
    </rPh>
    <rPh sb="5" eb="6">
      <t>セツ</t>
    </rPh>
    <rPh sb="10" eb="11">
      <t>オオムネ</t>
    </rPh>
    <rPh sb="15" eb="16">
      <t>ヨウ</t>
    </rPh>
    <rPh sb="20" eb="21">
      <t>ショ</t>
    </rPh>
    <phoneticPr fontId="2"/>
  </si>
  <si>
    <t>の</t>
    <phoneticPr fontId="2"/>
  </si>
  <si>
    <t>他</t>
    <rPh sb="0" eb="1">
      <t>タ</t>
    </rPh>
    <phoneticPr fontId="2"/>
  </si>
  <si>
    <t>そ</t>
    <phoneticPr fontId="2"/>
  </si>
  <si>
    <t>借用</t>
    <rPh sb="0" eb="2">
      <t>シャクヨウ</t>
    </rPh>
    <phoneticPr fontId="2"/>
  </si>
  <si>
    <t>自己所有</t>
    <rPh sb="0" eb="2">
      <t>ジコ</t>
    </rPh>
    <rPh sb="2" eb="4">
      <t>ショユウ</t>
    </rPh>
    <phoneticPr fontId="2"/>
  </si>
  <si>
    <t>合計</t>
    <rPh sb="0" eb="2">
      <t>ゴウケイ</t>
    </rPh>
    <phoneticPr fontId="2"/>
  </si>
  <si>
    <t>会議室</t>
    <rPh sb="0" eb="3">
      <t>カイギシツ</t>
    </rPh>
    <phoneticPr fontId="2"/>
  </si>
  <si>
    <t>の</t>
    <phoneticPr fontId="2"/>
  </si>
  <si>
    <t>図書室</t>
    <rPh sb="0" eb="3">
      <t>トショシツ</t>
    </rPh>
    <phoneticPr fontId="2"/>
  </si>
  <si>
    <t>事務室</t>
    <rPh sb="0" eb="3">
      <t>ジムシツ</t>
    </rPh>
    <phoneticPr fontId="2"/>
  </si>
  <si>
    <t>教員室</t>
    <rPh sb="0" eb="3">
      <t>キョウインシツ</t>
    </rPh>
    <phoneticPr fontId="2"/>
  </si>
  <si>
    <t>校長室</t>
    <rPh sb="0" eb="3">
      <t>コウチョウシツ</t>
    </rPh>
    <phoneticPr fontId="2"/>
  </si>
  <si>
    <t>（）</t>
    <phoneticPr fontId="2"/>
  </si>
  <si>
    <t>（）</t>
    <phoneticPr fontId="2"/>
  </si>
  <si>
    <t>（小計）</t>
    <rPh sb="1" eb="3">
      <t>ショウケイ</t>
    </rPh>
    <phoneticPr fontId="2"/>
  </si>
  <si>
    <t>（　　　　　　　室）</t>
    <rPh sb="8" eb="9">
      <t>シツ</t>
    </rPh>
    <phoneticPr fontId="2"/>
  </si>
  <si>
    <t>実習室</t>
    <rPh sb="0" eb="3">
      <t>ジッシュウシツ</t>
    </rPh>
    <phoneticPr fontId="2"/>
  </si>
  <si>
    <t>教室</t>
    <rPh sb="0" eb="2">
      <t>キョウシツ</t>
    </rPh>
    <phoneticPr fontId="2"/>
  </si>
  <si>
    <t>校舎の床面積</t>
    <rPh sb="0" eb="2">
      <t>コウシャ</t>
    </rPh>
    <rPh sb="3" eb="6">
      <t>ユカメンセキ</t>
    </rPh>
    <phoneticPr fontId="2"/>
  </si>
  <si>
    <t>校舎の建築面積</t>
    <rPh sb="0" eb="2">
      <t>コウシャ</t>
    </rPh>
    <rPh sb="3" eb="5">
      <t>ケンチク</t>
    </rPh>
    <rPh sb="5" eb="7">
      <t>メンセキ</t>
    </rPh>
    <phoneticPr fontId="2"/>
  </si>
  <si>
    <t>共　　　用　</t>
    <rPh sb="0" eb="1">
      <t>トモ</t>
    </rPh>
    <rPh sb="4" eb="5">
      <t>ヨウ</t>
    </rPh>
    <phoneticPr fontId="2"/>
  </si>
  <si>
    <t>専　　　用</t>
    <rPh sb="0" eb="1">
      <t>セン</t>
    </rPh>
    <rPh sb="4" eb="5">
      <t>ヨウ</t>
    </rPh>
    <phoneticPr fontId="2"/>
  </si>
  <si>
    <t>借用の別</t>
    <rPh sb="0" eb="2">
      <t>シャクヨウ</t>
    </rPh>
    <rPh sb="3" eb="4">
      <t>ベツ</t>
    </rPh>
    <phoneticPr fontId="2"/>
  </si>
  <si>
    <t xml:space="preserve"> 校地・校舎</t>
    <rPh sb="1" eb="3">
      <t>コウチ</t>
    </rPh>
    <rPh sb="4" eb="6">
      <t>コウシャ</t>
    </rPh>
    <phoneticPr fontId="2"/>
  </si>
  <si>
    <t>又　　　は</t>
    <rPh sb="0" eb="1">
      <t>マタ</t>
    </rPh>
    <phoneticPr fontId="2"/>
  </si>
  <si>
    <t>備　　　考</t>
    <rPh sb="0" eb="1">
      <t>ビ</t>
    </rPh>
    <rPh sb="4" eb="5">
      <t>コウ</t>
    </rPh>
    <phoneticPr fontId="2"/>
  </si>
  <si>
    <t>面　　　　　積　　　　　㎡　</t>
    <rPh sb="0" eb="1">
      <t>メン</t>
    </rPh>
    <rPh sb="6" eb="7">
      <t>セキ</t>
    </rPh>
    <phoneticPr fontId="2"/>
  </si>
  <si>
    <t>施　　　 設　 　　概 　　　要 　　　書</t>
    <rPh sb="0" eb="1">
      <t>ホドコ</t>
    </rPh>
    <rPh sb="5" eb="6">
      <t>セツ</t>
    </rPh>
    <rPh sb="10" eb="11">
      <t>オオムネ</t>
    </rPh>
    <rPh sb="15" eb="16">
      <t>ヨウ</t>
    </rPh>
    <rPh sb="20" eb="21">
      <t>ショ</t>
    </rPh>
    <phoneticPr fontId="2"/>
  </si>
  <si>
    <t>（３）専修・各種学校</t>
    <rPh sb="3" eb="5">
      <t>センシュウ</t>
    </rPh>
    <rPh sb="6" eb="8">
      <t>カクシュ</t>
    </rPh>
    <rPh sb="8" eb="10">
      <t>ガッコウ</t>
    </rPh>
    <phoneticPr fontId="2"/>
  </si>
  <si>
    <t>の</t>
    <phoneticPr fontId="2"/>
  </si>
  <si>
    <t>の</t>
    <phoneticPr fontId="2"/>
  </si>
  <si>
    <t>そ</t>
    <phoneticPr fontId="2"/>
  </si>
  <si>
    <t>㎡</t>
    <phoneticPr fontId="2"/>
  </si>
  <si>
    <t>㎡</t>
    <phoneticPr fontId="2"/>
  </si>
  <si>
    <t>新 　面　 積</t>
    <rPh sb="0" eb="1">
      <t>シン</t>
    </rPh>
    <rPh sb="3" eb="4">
      <t>メン</t>
    </rPh>
    <rPh sb="6" eb="7">
      <t>セキ</t>
    </rPh>
    <phoneticPr fontId="2"/>
  </si>
  <si>
    <r>
      <t>増 減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明朝"/>
        <family val="1"/>
        <charset val="128"/>
      </rPr>
      <t>面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明朝"/>
        <family val="1"/>
        <charset val="128"/>
      </rPr>
      <t>積</t>
    </r>
    <rPh sb="0" eb="1">
      <t>ゾウ</t>
    </rPh>
    <rPh sb="2" eb="3">
      <t>ゲン</t>
    </rPh>
    <rPh sb="4" eb="5">
      <t>メン</t>
    </rPh>
    <rPh sb="6" eb="7">
      <t>セキ</t>
    </rPh>
    <phoneticPr fontId="2"/>
  </si>
  <si>
    <t>旧 　面　 積</t>
    <rPh sb="0" eb="1">
      <t>キュウ</t>
    </rPh>
    <rPh sb="3" eb="4">
      <t>メン</t>
    </rPh>
    <rPh sb="6" eb="7">
      <t>セキ</t>
    </rPh>
    <phoneticPr fontId="2"/>
  </si>
  <si>
    <t>（変更の場合）</t>
    <rPh sb="1" eb="3">
      <t>ヘンコウ</t>
    </rPh>
    <rPh sb="4" eb="6">
      <t>バアイ</t>
    </rPh>
    <phoneticPr fontId="2"/>
  </si>
  <si>
    <t>施　　　 設　　　 概　　　 要 　　　書</t>
    <rPh sb="0" eb="1">
      <t>ホドコ</t>
    </rPh>
    <rPh sb="5" eb="6">
      <t>セツ</t>
    </rPh>
    <rPh sb="10" eb="11">
      <t>オオムネ</t>
    </rPh>
    <rPh sb="15" eb="16">
      <t>ヨウ</t>
    </rPh>
    <rPh sb="20" eb="21">
      <t>ショ</t>
    </rPh>
    <phoneticPr fontId="2"/>
  </si>
  <si>
    <r>
      <t>（注）１　園舎の床面積については「校地校舎等の平面図及び配置図」（</t>
    </r>
    <r>
      <rPr>
        <sz val="11"/>
        <rFont val="ＭＳ Ｐゴシック"/>
        <family val="3"/>
        <charset val="128"/>
      </rPr>
      <t>155ページ参照）に記載してい</t>
    </r>
    <rPh sb="1" eb="2">
      <t>チュウ</t>
    </rPh>
    <rPh sb="5" eb="7">
      <t>エンシャ</t>
    </rPh>
    <rPh sb="8" eb="11">
      <t>ユカメンセキ</t>
    </rPh>
    <rPh sb="17" eb="19">
      <t>コウチ</t>
    </rPh>
    <rPh sb="19" eb="21">
      <t>コウシャ</t>
    </rPh>
    <rPh sb="21" eb="22">
      <t>トウ</t>
    </rPh>
    <rPh sb="23" eb="26">
      <t>ヘイメンズ</t>
    </rPh>
    <rPh sb="26" eb="27">
      <t>オヨ</t>
    </rPh>
    <rPh sb="28" eb="31">
      <t>ハイチズ</t>
    </rPh>
    <rPh sb="39" eb="41">
      <t>サンショウ</t>
    </rPh>
    <rPh sb="43" eb="45">
      <t>キサイ</t>
    </rPh>
    <phoneticPr fontId="2"/>
  </si>
  <si>
    <r>
      <t>（注）１　園舎の床面積については「校地校舎等の平面図及び配置図」（</t>
    </r>
    <r>
      <rPr>
        <sz val="11"/>
        <rFont val="ＭＳ Ｐゴシック"/>
        <family val="3"/>
        <charset val="128"/>
      </rPr>
      <t>155ページ参照）に記載している</t>
    </r>
    <rPh sb="1" eb="2">
      <t>チュウ</t>
    </rPh>
    <rPh sb="5" eb="7">
      <t>エンシャ</t>
    </rPh>
    <rPh sb="8" eb="11">
      <t>ユカメンセキ</t>
    </rPh>
    <rPh sb="17" eb="19">
      <t>コウチ</t>
    </rPh>
    <rPh sb="19" eb="21">
      <t>コウシャ</t>
    </rPh>
    <rPh sb="21" eb="22">
      <t>トウ</t>
    </rPh>
    <rPh sb="23" eb="26">
      <t>ヘイメンズ</t>
    </rPh>
    <rPh sb="26" eb="27">
      <t>オヨ</t>
    </rPh>
    <rPh sb="28" eb="31">
      <t>ハイチズ</t>
    </rPh>
    <rPh sb="39" eb="41">
      <t>サンショウ</t>
    </rPh>
    <rPh sb="43" eb="45">
      <t>キサイ</t>
    </rPh>
    <phoneticPr fontId="2"/>
  </si>
  <si>
    <t>　　　　２　用途別欄は、該当する箇所に○印をつけてください。（例：小・中・高共用の場合は、それぞ</t>
    <rPh sb="6" eb="9">
      <t>ヨウトベツ</t>
    </rPh>
    <rPh sb="9" eb="10">
      <t>ラン</t>
    </rPh>
    <rPh sb="12" eb="14">
      <t>ガイトウ</t>
    </rPh>
    <rPh sb="16" eb="18">
      <t>カショ</t>
    </rPh>
    <rPh sb="20" eb="21">
      <t>シルシ</t>
    </rPh>
    <rPh sb="31" eb="32">
      <t>レイ</t>
    </rPh>
    <rPh sb="33" eb="34">
      <t>ショウ</t>
    </rPh>
    <rPh sb="35" eb="36">
      <t>チュウ</t>
    </rPh>
    <rPh sb="37" eb="38">
      <t>コウ</t>
    </rPh>
    <rPh sb="38" eb="40">
      <t>キョウヨウ</t>
    </rPh>
    <rPh sb="41" eb="43">
      <t>バアイ</t>
    </rPh>
    <phoneticPr fontId="2"/>
  </si>
  <si>
    <t>　　　　　れの共用欄に○印をつけてください。）</t>
    <rPh sb="7" eb="9">
      <t>キョウヨウ</t>
    </rPh>
    <rPh sb="9" eb="10">
      <t>ラン</t>
    </rPh>
    <rPh sb="12" eb="13">
      <t>シルシ</t>
    </rPh>
    <phoneticPr fontId="2"/>
  </si>
  <si>
    <t>　　　　４　寄宿舎の使用目的は、県外生のみの寄宿、運動部員の合宿、全寮制等利用者の状況を具体</t>
    <rPh sb="6" eb="9">
      <t>キシュクシャ</t>
    </rPh>
    <rPh sb="10" eb="12">
      <t>シヨウ</t>
    </rPh>
    <rPh sb="12" eb="14">
      <t>モクテキ</t>
    </rPh>
    <rPh sb="16" eb="18">
      <t>ケンガイ</t>
    </rPh>
    <rPh sb="18" eb="19">
      <t>セイ</t>
    </rPh>
    <rPh sb="22" eb="24">
      <t>キシュク</t>
    </rPh>
    <rPh sb="25" eb="27">
      <t>ウンドウ</t>
    </rPh>
    <rPh sb="27" eb="29">
      <t>ブイン</t>
    </rPh>
    <rPh sb="30" eb="32">
      <t>ガッシュク</t>
    </rPh>
    <rPh sb="33" eb="36">
      <t>ゼンリョウセイ</t>
    </rPh>
    <rPh sb="36" eb="37">
      <t>トウ</t>
    </rPh>
    <rPh sb="37" eb="40">
      <t>リヨウシャ</t>
    </rPh>
    <rPh sb="41" eb="43">
      <t>ジョウキョウ</t>
    </rPh>
    <rPh sb="44" eb="46">
      <t>グタイ</t>
    </rPh>
    <phoneticPr fontId="2"/>
  </si>
  <si>
    <t>　　　　　的に記入してください。また、住所地欄は、学校所在地外の場合のみ住所を記入してください。</t>
    <rPh sb="7" eb="9">
      <t>キニュウ</t>
    </rPh>
    <rPh sb="19" eb="21">
      <t>ジュウショ</t>
    </rPh>
    <rPh sb="21" eb="22">
      <t>チ</t>
    </rPh>
    <rPh sb="22" eb="23">
      <t>ラン</t>
    </rPh>
    <rPh sb="25" eb="27">
      <t>ガッコウ</t>
    </rPh>
    <rPh sb="27" eb="30">
      <t>ショザイチ</t>
    </rPh>
    <rPh sb="30" eb="31">
      <t>ガイ</t>
    </rPh>
    <rPh sb="32" eb="34">
      <t>バアイ</t>
    </rPh>
    <rPh sb="36" eb="38">
      <t>ジュウショ</t>
    </rPh>
    <rPh sb="39" eb="41">
      <t>キニュウ</t>
    </rPh>
    <phoneticPr fontId="2"/>
  </si>
  <si>
    <t>転・編入学試験実施計画報告書（　　　年度第　　学期受入れ）</t>
    <rPh sb="18" eb="20">
      <t>ネンド</t>
    </rPh>
    <phoneticPr fontId="2"/>
  </si>
  <si>
    <t>高等学校用</t>
    <rPh sb="0" eb="2">
      <t>コウトウ</t>
    </rPh>
    <phoneticPr fontId="2"/>
  </si>
  <si>
    <t>私学振興課長　殿</t>
  </si>
  <si>
    <t>次のとおり　　　年度第　　学期受入れの転・編入学試験について報告します。</t>
    <phoneticPr fontId="2"/>
  </si>
  <si>
    <t>　(該当する項目に○印をつけてください。）</t>
    <rPh sb="6" eb="8">
      <t>コウモク</t>
    </rPh>
    <phoneticPr fontId="2"/>
  </si>
  <si>
    <t xml:space="preserve"> 転・編入学試験は実施しません。（以下記入不要です）</t>
    <phoneticPr fontId="2"/>
  </si>
  <si>
    <t xml:space="preserve"> 転・編入学試験を次のとおり実施します。（下表を御記入ください）</t>
    <phoneticPr fontId="2"/>
  </si>
  <si>
    <t>学校名</t>
    <phoneticPr fontId="2"/>
  </si>
  <si>
    <t>性別</t>
    <phoneticPr fontId="2"/>
  </si>
  <si>
    <t>募集人員</t>
    <phoneticPr fontId="2"/>
  </si>
  <si>
    <t>応募できる者</t>
  </si>
  <si>
    <t>募集期間</t>
    <phoneticPr fontId="2"/>
  </si>
  <si>
    <t>試験日</t>
    <phoneticPr fontId="2"/>
  </si>
  <si>
    <t>転・編入
受入日</t>
    <phoneticPr fontId="2"/>
  </si>
  <si>
    <t>県外からの一家転住者</t>
    <phoneticPr fontId="2"/>
  </si>
  <si>
    <t>海外帰国生徒</t>
    <phoneticPr fontId="2"/>
  </si>
  <si>
    <t>その他</t>
    <phoneticPr fontId="2"/>
  </si>
  <si>
    <t>１年</t>
  </si>
  <si>
    <t>２年</t>
    <phoneticPr fontId="2"/>
  </si>
  <si>
    <t>３年</t>
    <phoneticPr fontId="2"/>
  </si>
  <si>
    <t>例) ○○高等学校</t>
    <phoneticPr fontId="2"/>
  </si>
  <si>
    <t>普通</t>
    <rPh sb="0" eb="2">
      <t>フツウ</t>
    </rPh>
    <phoneticPr fontId="2"/>
  </si>
  <si>
    <t>男</t>
    <rPh sb="0" eb="1">
      <t>オトコ</t>
    </rPh>
    <phoneticPr fontId="2"/>
  </si>
  <si>
    <t>若干名</t>
    <phoneticPr fontId="2"/>
  </si>
  <si>
    <t>若干名</t>
    <phoneticPr fontId="2"/>
  </si>
  <si>
    <t>随時</t>
    <phoneticPr fontId="2"/>
  </si>
  <si>
    <t>学校で指定</t>
    <phoneticPr fontId="2"/>
  </si>
  <si>
    <t>応相談</t>
    <phoneticPr fontId="2"/>
  </si>
  <si>
    <t>例) △▽高等学校</t>
    <phoneticPr fontId="2"/>
  </si>
  <si>
    <t>工業</t>
    <rPh sb="0" eb="2">
      <t>コウギョウ</t>
    </rPh>
    <phoneticPr fontId="2"/>
  </si>
  <si>
    <t>若干名</t>
    <phoneticPr fontId="2"/>
  </si>
  <si>
    <t>○</t>
    <phoneticPr fontId="2"/>
  </si>
  <si>
    <t>～12/21</t>
    <phoneticPr fontId="2"/>
  </si>
  <si>
    <t>1/8</t>
    <phoneticPr fontId="2"/>
  </si>
  <si>
    <r>
      <t>●転・編入学試験を</t>
    </r>
    <r>
      <rPr>
        <sz val="12"/>
        <rFont val="ＭＳ ゴシック"/>
        <family val="3"/>
        <charset val="128"/>
      </rPr>
      <t>実施しない場合も必ず本紙を送付</t>
    </r>
    <r>
      <rPr>
        <sz val="12"/>
        <rFont val="ＭＳ 明朝"/>
        <family val="1"/>
        <charset val="128"/>
      </rPr>
      <t>ください。</t>
    </r>
    <rPh sb="1" eb="2">
      <t>テン</t>
    </rPh>
    <rPh sb="3" eb="6">
      <t>ヘンニュウガク</t>
    </rPh>
    <rPh sb="6" eb="8">
      <t>シケン</t>
    </rPh>
    <rPh sb="9" eb="11">
      <t>ジッシ</t>
    </rPh>
    <rPh sb="14" eb="16">
      <t>バアイ</t>
    </rPh>
    <rPh sb="17" eb="18">
      <t>カナラ</t>
    </rPh>
    <rPh sb="19" eb="21">
      <t>ホンシ</t>
    </rPh>
    <rPh sb="22" eb="24">
      <t>ソウフ</t>
    </rPh>
    <phoneticPr fontId="2"/>
  </si>
  <si>
    <t>●御提出は、電子メールにて「sigaku@pref.kanagawa.lg.jp」へお願いします。</t>
    <rPh sb="6" eb="8">
      <t>デンシ</t>
    </rPh>
    <phoneticPr fontId="2"/>
  </si>
  <si>
    <t>中学校用</t>
  </si>
  <si>
    <t xml:space="preserve"> 転・編入学試験は実施しません。（以下記入不要です）</t>
    <phoneticPr fontId="2"/>
  </si>
  <si>
    <t>学校名</t>
    <phoneticPr fontId="2"/>
  </si>
  <si>
    <t>性別</t>
    <phoneticPr fontId="2"/>
  </si>
  <si>
    <t>募集人員</t>
    <phoneticPr fontId="2"/>
  </si>
  <si>
    <t>募集期間</t>
    <phoneticPr fontId="2"/>
  </si>
  <si>
    <t>試験日</t>
    <phoneticPr fontId="2"/>
  </si>
  <si>
    <t>転・編入
受入日</t>
    <phoneticPr fontId="2"/>
  </si>
  <si>
    <t>県外からの一家転住者</t>
    <phoneticPr fontId="2"/>
  </si>
  <si>
    <t>海外帰国生徒</t>
    <phoneticPr fontId="2"/>
  </si>
  <si>
    <t>その他</t>
    <phoneticPr fontId="2"/>
  </si>
  <si>
    <t>３年</t>
    <phoneticPr fontId="2"/>
  </si>
  <si>
    <t>例) ○○中学校</t>
    <phoneticPr fontId="2"/>
  </si>
  <si>
    <t>男女</t>
    <phoneticPr fontId="2"/>
  </si>
  <si>
    <t>随時</t>
    <phoneticPr fontId="2"/>
  </si>
  <si>
    <t>学校で指定</t>
    <phoneticPr fontId="2"/>
  </si>
  <si>
    <t>例) △▽中学校</t>
    <phoneticPr fontId="2"/>
  </si>
  <si>
    <t>女</t>
    <phoneticPr fontId="2"/>
  </si>
  <si>
    <t>1/8</t>
    <phoneticPr fontId="2"/>
  </si>
  <si>
    <t>中等教育学校用</t>
    <rPh sb="0" eb="2">
      <t>チュウトウ</t>
    </rPh>
    <rPh sb="2" eb="4">
      <t>キョウイク</t>
    </rPh>
    <phoneticPr fontId="2"/>
  </si>
  <si>
    <t>　</t>
  </si>
  <si>
    <t>学校名</t>
    <phoneticPr fontId="2"/>
  </si>
  <si>
    <t>募集人員</t>
    <phoneticPr fontId="2"/>
  </si>
  <si>
    <t>県外からの一家転住者</t>
    <phoneticPr fontId="2"/>
  </si>
  <si>
    <t>その他</t>
    <phoneticPr fontId="2"/>
  </si>
  <si>
    <t>例) ○○中等教育学校</t>
    <rPh sb="5" eb="7">
      <t>チュウトウ</t>
    </rPh>
    <rPh sb="7" eb="9">
      <t>キョウイク</t>
    </rPh>
    <phoneticPr fontId="2"/>
  </si>
  <si>
    <t>男</t>
    <phoneticPr fontId="2"/>
  </si>
  <si>
    <t>２年</t>
  </si>
  <si>
    <t>３年</t>
  </si>
  <si>
    <t>○</t>
    <phoneticPr fontId="2"/>
  </si>
  <si>
    <t>５年</t>
  </si>
  <si>
    <t>６年</t>
  </si>
  <si>
    <t>例) △▽中等教育学校</t>
    <phoneticPr fontId="2"/>
  </si>
  <si>
    <t>○</t>
    <phoneticPr fontId="2"/>
  </si>
  <si>
    <t>～12/21</t>
    <phoneticPr fontId="2"/>
  </si>
  <si>
    <t>1/8</t>
    <phoneticPr fontId="2"/>
  </si>
  <si>
    <t>若干名</t>
    <phoneticPr fontId="2"/>
  </si>
  <si>
    <t>４年</t>
    <phoneticPr fontId="2"/>
  </si>
  <si>
    <t>５年</t>
    <phoneticPr fontId="2"/>
  </si>
  <si>
    <t>６年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m/d;@"/>
  </numFmts>
  <fonts count="1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ＭＳ 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6"/>
      <name val="ＭＳ 明朝"/>
      <family val="1"/>
      <charset val="128"/>
    </font>
    <font>
      <sz val="14"/>
      <name val="ＭＳ 明朝"/>
      <family val="1"/>
      <charset val="128"/>
    </font>
    <font>
      <sz val="12"/>
      <name val="ＭＳ 明朝"/>
      <family val="1"/>
      <charset val="128"/>
    </font>
    <font>
      <sz val="16"/>
      <name val="ＭＳ ゴシック"/>
      <family val="3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4"/>
      <name val="ＭＳ Ｐ明朝"/>
      <family val="1"/>
      <charset val="128"/>
    </font>
    <font>
      <sz val="12"/>
      <color rgb="FF000000"/>
      <name val="ＭＳ ゴシック"/>
      <family val="3"/>
      <charset val="128"/>
    </font>
    <font>
      <sz val="18"/>
      <color rgb="FF00000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lightGray">
        <fgColor theme="0" tint="-0.24994659260841701"/>
        <bgColor theme="0" tint="-4.9989318521683403E-2"/>
      </patternFill>
    </fill>
    <fill>
      <patternFill patternType="lightGray">
        <fgColor theme="0" tint="-0.24994659260841701"/>
        <bgColor auto="1"/>
      </patternFill>
    </fill>
  </fills>
  <borders count="138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 style="thin">
        <color indexed="64"/>
      </top>
      <bottom/>
      <diagonal/>
    </border>
    <border>
      <left style="dashed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7" fillId="0" borderId="0">
      <alignment horizontal="center" vertical="center"/>
    </xf>
  </cellStyleXfs>
  <cellXfs count="617">
    <xf numFmtId="0" fontId="0" fillId="0" borderId="0" xfId="0"/>
    <xf numFmtId="0" fontId="7" fillId="0" borderId="0" xfId="2" applyFont="1">
      <alignment horizontal="center" vertical="center"/>
    </xf>
    <xf numFmtId="0" fontId="7" fillId="0" borderId="0" xfId="2" applyFont="1" applyAlignment="1">
      <alignment horizontal="center"/>
    </xf>
    <xf numFmtId="0" fontId="7" fillId="0" borderId="0" xfId="2" applyFont="1" applyAlignment="1">
      <alignment horizontal="left" vertical="center"/>
    </xf>
    <xf numFmtId="0" fontId="7" fillId="0" borderId="0" xfId="2" applyFont="1" applyAlignment="1">
      <alignment horizontal="left"/>
    </xf>
    <xf numFmtId="0" fontId="7" fillId="0" borderId="0" xfId="2" applyFont="1" applyBorder="1">
      <alignment horizontal="center" vertical="center"/>
    </xf>
    <xf numFmtId="0" fontId="7" fillId="0" borderId="0" xfId="2" applyFont="1" applyBorder="1" applyAlignment="1">
      <alignment horizontal="center"/>
    </xf>
    <xf numFmtId="0" fontId="7" fillId="0" borderId="0" xfId="2" applyFont="1" applyBorder="1" applyAlignment="1">
      <alignment horizontal="center" vertical="center"/>
    </xf>
    <xf numFmtId="0" fontId="7" fillId="0" borderId="5" xfId="2" applyFont="1" applyBorder="1">
      <alignment horizontal="center" vertical="center"/>
    </xf>
    <xf numFmtId="0" fontId="7" fillId="0" borderId="8" xfId="2" applyFont="1" applyBorder="1">
      <alignment horizontal="center" vertical="center"/>
    </xf>
    <xf numFmtId="0" fontId="7" fillId="0" borderId="31" xfId="2" applyFont="1" applyBorder="1">
      <alignment horizontal="center" vertical="center"/>
    </xf>
    <xf numFmtId="0" fontId="7" fillId="0" borderId="49" xfId="2" applyFont="1" applyBorder="1">
      <alignment horizontal="center" vertical="center"/>
    </xf>
    <xf numFmtId="0" fontId="7" fillId="0" borderId="32" xfId="2" applyFont="1" applyBorder="1">
      <alignment horizontal="center" vertical="center"/>
    </xf>
    <xf numFmtId="0" fontId="7" fillId="0" borderId="50" xfId="2" applyFont="1" applyBorder="1">
      <alignment horizontal="center" vertical="center"/>
    </xf>
    <xf numFmtId="0" fontId="7" fillId="0" borderId="8" xfId="2" applyFont="1" applyBorder="1" applyAlignment="1">
      <alignment horizontal="center"/>
    </xf>
    <xf numFmtId="0" fontId="7" fillId="0" borderId="51" xfId="2" applyFont="1" applyBorder="1">
      <alignment horizontal="center" vertical="center"/>
    </xf>
    <xf numFmtId="0" fontId="7" fillId="0" borderId="52" xfId="2" applyFont="1" applyBorder="1">
      <alignment horizontal="center" vertical="center"/>
    </xf>
    <xf numFmtId="0" fontId="7" fillId="0" borderId="23" xfId="2" applyFont="1" applyBorder="1">
      <alignment horizontal="center" vertical="center"/>
    </xf>
    <xf numFmtId="0" fontId="7" fillId="0" borderId="25" xfId="2" applyFont="1" applyBorder="1">
      <alignment horizontal="center" vertical="center"/>
    </xf>
    <xf numFmtId="0" fontId="7" fillId="0" borderId="53" xfId="2" applyFont="1" applyBorder="1">
      <alignment horizontal="center" vertical="center"/>
    </xf>
    <xf numFmtId="0" fontId="7" fillId="0" borderId="24" xfId="2" applyFont="1" applyBorder="1">
      <alignment horizontal="center" vertical="center"/>
    </xf>
    <xf numFmtId="0" fontId="7" fillId="0" borderId="54" xfId="2" applyFont="1" applyBorder="1">
      <alignment horizontal="center" vertical="center"/>
    </xf>
    <xf numFmtId="0" fontId="7" fillId="0" borderId="23" xfId="2" applyFont="1" applyBorder="1" applyAlignment="1">
      <alignment horizontal="center"/>
    </xf>
    <xf numFmtId="0" fontId="7" fillId="0" borderId="22" xfId="2" applyFont="1" applyBorder="1">
      <alignment horizontal="center" vertical="center"/>
    </xf>
    <xf numFmtId="0" fontId="7" fillId="0" borderId="44" xfId="2" applyFont="1" applyBorder="1">
      <alignment horizontal="center" vertical="center"/>
    </xf>
    <xf numFmtId="0" fontId="7" fillId="0" borderId="10" xfId="2" applyFont="1" applyBorder="1">
      <alignment horizontal="center" vertical="center"/>
    </xf>
    <xf numFmtId="0" fontId="7" fillId="0" borderId="45" xfId="2" applyFont="1" applyBorder="1">
      <alignment horizontal="center" vertical="center"/>
    </xf>
    <xf numFmtId="0" fontId="7" fillId="0" borderId="56" xfId="2" applyFont="1" applyBorder="1">
      <alignment horizontal="center" vertical="center"/>
    </xf>
    <xf numFmtId="0" fontId="7" fillId="0" borderId="37" xfId="2" applyFont="1" applyBorder="1">
      <alignment horizontal="center" vertical="center"/>
    </xf>
    <xf numFmtId="0" fontId="7" fillId="0" borderId="57" xfId="2" applyFont="1" applyBorder="1">
      <alignment horizontal="center" vertical="center"/>
    </xf>
    <xf numFmtId="0" fontId="7" fillId="0" borderId="10" xfId="2" applyFont="1" applyBorder="1" applyAlignment="1">
      <alignment horizontal="center"/>
    </xf>
    <xf numFmtId="0" fontId="7" fillId="0" borderId="21" xfId="2" applyFont="1" applyBorder="1">
      <alignment horizontal="center" vertical="center"/>
    </xf>
    <xf numFmtId="0" fontId="7" fillId="0" borderId="9" xfId="2" applyFont="1" applyBorder="1" applyAlignment="1">
      <alignment horizontal="center" vertical="center"/>
    </xf>
    <xf numFmtId="0" fontId="7" fillId="0" borderId="58" xfId="2" applyFont="1" applyBorder="1" applyAlignment="1">
      <alignment horizontal="center" vertical="center"/>
    </xf>
    <xf numFmtId="0" fontId="7" fillId="0" borderId="60" xfId="2" applyFont="1" applyBorder="1">
      <alignment horizontal="center" vertical="center"/>
    </xf>
    <xf numFmtId="0" fontId="7" fillId="0" borderId="61" xfId="2" applyFont="1" applyBorder="1">
      <alignment horizontal="center" vertical="center"/>
    </xf>
    <xf numFmtId="0" fontId="7" fillId="0" borderId="62" xfId="2" applyFont="1" applyBorder="1">
      <alignment horizontal="center" vertical="center"/>
    </xf>
    <xf numFmtId="0" fontId="7" fillId="0" borderId="63" xfId="2" applyFont="1" applyBorder="1">
      <alignment horizontal="center" vertical="center"/>
    </xf>
    <xf numFmtId="0" fontId="7" fillId="0" borderId="64" xfId="2" applyFont="1" applyBorder="1">
      <alignment horizontal="center" vertical="center"/>
    </xf>
    <xf numFmtId="0" fontId="7" fillId="0" borderId="65" xfId="2" applyFont="1" applyBorder="1">
      <alignment horizontal="center" vertical="center"/>
    </xf>
    <xf numFmtId="0" fontId="7" fillId="0" borderId="61" xfId="2" applyFont="1" applyBorder="1" applyAlignment="1">
      <alignment horizontal="center"/>
    </xf>
    <xf numFmtId="0" fontId="7" fillId="0" borderId="66" xfId="2" applyFont="1" applyBorder="1">
      <alignment horizontal="center" vertical="center"/>
    </xf>
    <xf numFmtId="0" fontId="7" fillId="0" borderId="68" xfId="2" applyFont="1" applyBorder="1" applyAlignment="1">
      <alignment horizontal="center" vertical="center"/>
    </xf>
    <xf numFmtId="0" fontId="7" fillId="0" borderId="24" xfId="2" applyFont="1" applyBorder="1" applyAlignment="1">
      <alignment horizontal="center" vertical="center"/>
    </xf>
    <xf numFmtId="0" fontId="7" fillId="0" borderId="70" xfId="2" applyFont="1" applyBorder="1" applyAlignment="1">
      <alignment vertical="center"/>
    </xf>
    <xf numFmtId="0" fontId="7" fillId="0" borderId="70" xfId="2" applyFont="1" applyBorder="1" applyAlignment="1">
      <alignment horizontal="center" vertical="center"/>
    </xf>
    <xf numFmtId="0" fontId="7" fillId="0" borderId="71" xfId="2" applyFont="1" applyBorder="1" applyAlignment="1">
      <alignment vertical="center"/>
    </xf>
    <xf numFmtId="0" fontId="7" fillId="0" borderId="37" xfId="2" applyFont="1" applyBorder="1" applyAlignment="1">
      <alignment horizontal="left" vertical="center"/>
    </xf>
    <xf numFmtId="0" fontId="7" fillId="0" borderId="58" xfId="2" applyFont="1" applyBorder="1" applyAlignment="1">
      <alignment vertical="center"/>
    </xf>
    <xf numFmtId="0" fontId="7" fillId="0" borderId="59" xfId="2" applyFont="1" applyBorder="1" applyAlignment="1">
      <alignment vertical="center"/>
    </xf>
    <xf numFmtId="0" fontId="7" fillId="0" borderId="59" xfId="2" applyFont="1" applyBorder="1" applyAlignment="1">
      <alignment horizontal="center" vertical="center"/>
    </xf>
    <xf numFmtId="0" fontId="7" fillId="0" borderId="64" xfId="2" applyFont="1" applyBorder="1" applyAlignment="1">
      <alignment horizontal="left" vertical="center"/>
    </xf>
    <xf numFmtId="0" fontId="7" fillId="0" borderId="68" xfId="2" applyFont="1" applyBorder="1" applyAlignment="1">
      <alignment vertical="center"/>
    </xf>
    <xf numFmtId="0" fontId="8" fillId="0" borderId="70" xfId="2" applyFont="1" applyBorder="1" applyAlignment="1">
      <alignment horizontal="center" vertical="center"/>
    </xf>
    <xf numFmtId="0" fontId="8" fillId="0" borderId="10" xfId="2" applyFont="1" applyBorder="1">
      <alignment horizontal="center" vertical="center"/>
    </xf>
    <xf numFmtId="0" fontId="8" fillId="0" borderId="58" xfId="2" applyFont="1" applyBorder="1" applyAlignment="1">
      <alignment horizontal="center" vertical="center"/>
    </xf>
    <xf numFmtId="0" fontId="7" fillId="0" borderId="37" xfId="2" applyFont="1" applyBorder="1" applyAlignment="1">
      <alignment horizontal="left" vertical="center" wrapText="1"/>
    </xf>
    <xf numFmtId="0" fontId="8" fillId="0" borderId="58" xfId="2" applyFont="1" applyBorder="1" applyAlignment="1">
      <alignment horizontal="center" vertical="justify" wrapText="1"/>
    </xf>
    <xf numFmtId="0" fontId="8" fillId="0" borderId="68" xfId="2" applyFont="1" applyBorder="1" applyAlignment="1">
      <alignment horizontal="center" vertical="center"/>
    </xf>
    <xf numFmtId="0" fontId="7" fillId="0" borderId="59" xfId="2" applyFont="1" applyBorder="1" applyAlignment="1">
      <alignment horizontal="center"/>
    </xf>
    <xf numFmtId="0" fontId="7" fillId="0" borderId="46" xfId="2" applyFont="1" applyBorder="1" applyAlignment="1">
      <alignment horizontal="right"/>
    </xf>
    <xf numFmtId="0" fontId="7" fillId="0" borderId="9" xfId="2" applyFont="1" applyBorder="1" applyAlignment="1">
      <alignment horizontal="right"/>
    </xf>
    <xf numFmtId="0" fontId="7" fillId="0" borderId="39" xfId="2" applyFont="1" applyBorder="1" applyAlignment="1">
      <alignment horizontal="right"/>
    </xf>
    <xf numFmtId="0" fontId="7" fillId="0" borderId="73" xfId="2" applyFont="1" applyBorder="1" applyAlignment="1">
      <alignment horizontal="right"/>
    </xf>
    <xf numFmtId="0" fontId="7" fillId="0" borderId="40" xfId="2" applyFont="1" applyBorder="1" applyAlignment="1">
      <alignment horizontal="right"/>
    </xf>
    <xf numFmtId="0" fontId="7" fillId="0" borderId="74" xfId="2" applyFont="1" applyBorder="1" applyAlignment="1">
      <alignment horizontal="right"/>
    </xf>
    <xf numFmtId="0" fontId="7" fillId="0" borderId="55" xfId="2" applyFont="1" applyBorder="1" applyAlignment="1">
      <alignment horizontal="right"/>
    </xf>
    <xf numFmtId="0" fontId="7" fillId="0" borderId="4" xfId="2" applyFont="1" applyBorder="1" applyAlignment="1">
      <alignment horizontal="right" vertical="center"/>
    </xf>
    <xf numFmtId="0" fontId="7" fillId="0" borderId="20" xfId="2" applyFont="1" applyBorder="1" applyAlignment="1">
      <alignment horizontal="right" vertical="center"/>
    </xf>
    <xf numFmtId="0" fontId="7" fillId="0" borderId="28" xfId="2" applyFont="1" applyBorder="1" applyAlignment="1">
      <alignment horizontal="right" vertical="center"/>
    </xf>
    <xf numFmtId="0" fontId="7" fillId="0" borderId="75" xfId="2" applyFont="1" applyBorder="1" applyAlignment="1">
      <alignment horizontal="right" vertical="center"/>
    </xf>
    <xf numFmtId="0" fontId="7" fillId="0" borderId="36" xfId="2" applyFont="1" applyBorder="1" applyAlignment="1">
      <alignment horizontal="right" vertical="center"/>
    </xf>
    <xf numFmtId="0" fontId="7" fillId="0" borderId="76" xfId="2" applyFont="1" applyBorder="1" applyAlignment="1">
      <alignment horizontal="right" vertical="center"/>
    </xf>
    <xf numFmtId="0" fontId="7" fillId="0" borderId="19" xfId="2" applyFont="1" applyBorder="1" applyAlignment="1">
      <alignment horizontal="right" vertical="center"/>
    </xf>
    <xf numFmtId="0" fontId="7" fillId="0" borderId="77" xfId="2" applyFont="1" applyBorder="1" applyAlignment="1">
      <alignment horizontal="center" vertical="center"/>
    </xf>
    <xf numFmtId="0" fontId="7" fillId="0" borderId="78" xfId="2" applyFont="1" applyBorder="1" applyAlignment="1">
      <alignment vertical="center"/>
    </xf>
    <xf numFmtId="0" fontId="7" fillId="0" borderId="34" xfId="2" applyFont="1" applyBorder="1" applyAlignment="1">
      <alignment horizontal="center" vertical="center"/>
    </xf>
    <xf numFmtId="0" fontId="7" fillId="0" borderId="23" xfId="2" applyFont="1" applyBorder="1" applyAlignment="1">
      <alignment horizontal="center" vertical="center"/>
    </xf>
    <xf numFmtId="0" fontId="7" fillId="0" borderId="22" xfId="2" applyFont="1" applyBorder="1" applyAlignment="1">
      <alignment horizontal="center" vertical="center"/>
    </xf>
    <xf numFmtId="0" fontId="7" fillId="0" borderId="14" xfId="2" applyFont="1" applyBorder="1" applyAlignment="1">
      <alignment horizontal="center" vertical="center"/>
    </xf>
    <xf numFmtId="0" fontId="7" fillId="0" borderId="18" xfId="2" applyFont="1" applyBorder="1" applyAlignment="1">
      <alignment horizontal="center" vertical="center"/>
    </xf>
    <xf numFmtId="0" fontId="7" fillId="0" borderId="12" xfId="2" applyFont="1" applyBorder="1" applyAlignment="1">
      <alignment horizontal="center" vertical="center"/>
    </xf>
    <xf numFmtId="0" fontId="7" fillId="0" borderId="11" xfId="2" applyFont="1" applyBorder="1" applyAlignment="1">
      <alignment horizontal="center" vertical="center"/>
    </xf>
    <xf numFmtId="0" fontId="7" fillId="0" borderId="45" xfId="2" applyFont="1" applyBorder="1" applyAlignment="1">
      <alignment horizontal="center" vertical="top"/>
    </xf>
    <xf numFmtId="0" fontId="7" fillId="0" borderId="7" xfId="2" applyFont="1" applyBorder="1" applyAlignment="1">
      <alignment horizontal="center" vertical="top"/>
    </xf>
    <xf numFmtId="0" fontId="7" fillId="0" borderId="37" xfId="2" applyFont="1" applyBorder="1" applyAlignment="1">
      <alignment horizontal="center" vertical="top"/>
    </xf>
    <xf numFmtId="0" fontId="7" fillId="0" borderId="10" xfId="2" applyFont="1" applyBorder="1" applyAlignment="1">
      <alignment horizontal="right" vertical="center"/>
    </xf>
    <xf numFmtId="0" fontId="7" fillId="0" borderId="21" xfId="2" applyFont="1" applyBorder="1" applyAlignment="1">
      <alignment horizontal="right" vertical="center"/>
    </xf>
    <xf numFmtId="0" fontId="7" fillId="0" borderId="7" xfId="2" applyFont="1" applyBorder="1" applyAlignment="1">
      <alignment horizontal="center" vertical="center"/>
    </xf>
    <xf numFmtId="0" fontId="7" fillId="0" borderId="33" xfId="2" applyFont="1" applyBorder="1" applyAlignment="1">
      <alignment horizontal="center" vertical="center"/>
    </xf>
    <xf numFmtId="0" fontId="7" fillId="0" borderId="20" xfId="2" applyFont="1" applyBorder="1" applyAlignment="1">
      <alignment horizontal="center" vertical="center"/>
    </xf>
    <xf numFmtId="0" fontId="7" fillId="0" borderId="19" xfId="2" applyFont="1" applyBorder="1" applyAlignment="1">
      <alignment horizontal="center" vertical="center"/>
    </xf>
    <xf numFmtId="0" fontId="7" fillId="0" borderId="42" xfId="2" applyFont="1" applyBorder="1" applyAlignment="1">
      <alignment horizontal="center" vertical="center"/>
    </xf>
    <xf numFmtId="0" fontId="6" fillId="0" borderId="0" xfId="2" applyFont="1" applyAlignment="1">
      <alignment horizontal="center"/>
    </xf>
    <xf numFmtId="0" fontId="11" fillId="0" borderId="0" xfId="2" applyFont="1">
      <alignment horizontal="center" vertical="center"/>
    </xf>
    <xf numFmtId="0" fontId="5" fillId="0" borderId="0" xfId="2" applyFont="1" applyAlignment="1">
      <alignment horizontal="left" vertical="center"/>
    </xf>
    <xf numFmtId="0" fontId="12" fillId="0" borderId="0" xfId="2" applyFont="1" applyAlignment="1">
      <alignment horizontal="left" vertical="center"/>
    </xf>
    <xf numFmtId="0" fontId="4" fillId="0" borderId="0" xfId="2" applyFont="1" applyAlignment="1">
      <alignment horizontal="center"/>
    </xf>
    <xf numFmtId="0" fontId="7" fillId="0" borderId="0" xfId="2">
      <alignment horizontal="center" vertical="center"/>
    </xf>
    <xf numFmtId="0" fontId="7" fillId="0" borderId="0" xfId="2" applyBorder="1">
      <alignment horizontal="center" vertical="center"/>
    </xf>
    <xf numFmtId="0" fontId="7" fillId="0" borderId="0" xfId="2" applyBorder="1" applyAlignment="1">
      <alignment horizontal="right" vertical="center"/>
    </xf>
    <xf numFmtId="0" fontId="7" fillId="0" borderId="0" xfId="2" applyBorder="1" applyAlignment="1">
      <alignment horizontal="center" vertical="center"/>
    </xf>
    <xf numFmtId="0" fontId="7" fillId="0" borderId="5" xfId="2" applyBorder="1" applyAlignment="1">
      <alignment horizontal="right" vertical="center"/>
    </xf>
    <xf numFmtId="0" fontId="7" fillId="0" borderId="8" xfId="2" applyBorder="1" applyAlignment="1">
      <alignment horizontal="right" vertical="center"/>
    </xf>
    <xf numFmtId="0" fontId="7" fillId="0" borderId="31" xfId="2" applyBorder="1" applyAlignment="1">
      <alignment horizontal="right" vertical="center"/>
    </xf>
    <xf numFmtId="0" fontId="7" fillId="0" borderId="44" xfId="2" applyBorder="1">
      <alignment horizontal="center" vertical="center"/>
    </xf>
    <xf numFmtId="0" fontId="7" fillId="0" borderId="10" xfId="2" applyBorder="1">
      <alignment horizontal="center" vertical="center"/>
    </xf>
    <xf numFmtId="0" fontId="7" fillId="0" borderId="45" xfId="2" applyBorder="1">
      <alignment horizontal="center" vertical="center"/>
    </xf>
    <xf numFmtId="0" fontId="7" fillId="0" borderId="32" xfId="2" applyBorder="1">
      <alignment horizontal="center" vertical="center"/>
    </xf>
    <xf numFmtId="0" fontId="7" fillId="0" borderId="8" xfId="2" applyBorder="1">
      <alignment horizontal="center" vertical="center"/>
    </xf>
    <xf numFmtId="0" fontId="7" fillId="0" borderId="51" xfId="2" applyBorder="1">
      <alignment horizontal="center" vertical="center"/>
    </xf>
    <xf numFmtId="0" fontId="7" fillId="0" borderId="81" xfId="2" applyBorder="1">
      <alignment horizontal="center" vertical="center"/>
    </xf>
    <xf numFmtId="0" fontId="7" fillId="0" borderId="37" xfId="2" applyBorder="1">
      <alignment horizontal="center" vertical="center"/>
    </xf>
    <xf numFmtId="0" fontId="7" fillId="0" borderId="21" xfId="2" applyBorder="1">
      <alignment horizontal="center" vertical="center"/>
    </xf>
    <xf numFmtId="0" fontId="7" fillId="0" borderId="59" xfId="2" applyBorder="1">
      <alignment horizontal="center" vertical="center"/>
    </xf>
    <xf numFmtId="0" fontId="13" fillId="0" borderId="44" xfId="2" applyFont="1" applyBorder="1">
      <alignment horizontal="center" vertical="center"/>
    </xf>
    <xf numFmtId="0" fontId="7" fillId="0" borderId="55" xfId="2" applyBorder="1">
      <alignment horizontal="center" vertical="center"/>
    </xf>
    <xf numFmtId="0" fontId="7" fillId="0" borderId="22" xfId="2" applyBorder="1">
      <alignment horizontal="center" vertical="center"/>
    </xf>
    <xf numFmtId="0" fontId="7" fillId="0" borderId="4" xfId="2" applyBorder="1" applyAlignment="1">
      <alignment horizontal="right" vertical="center"/>
    </xf>
    <xf numFmtId="0" fontId="7" fillId="0" borderId="20" xfId="2" applyBorder="1" applyAlignment="1">
      <alignment horizontal="right" vertical="center"/>
    </xf>
    <xf numFmtId="0" fontId="7" fillId="0" borderId="28" xfId="2" applyBorder="1" applyAlignment="1">
      <alignment horizontal="right" vertical="center"/>
    </xf>
    <xf numFmtId="0" fontId="7" fillId="0" borderId="4" xfId="2" applyBorder="1">
      <alignment horizontal="center" vertical="center"/>
    </xf>
    <xf numFmtId="0" fontId="7" fillId="0" borderId="78" xfId="2" applyBorder="1">
      <alignment horizontal="center" vertical="center"/>
    </xf>
    <xf numFmtId="0" fontId="7" fillId="0" borderId="36" xfId="2" applyBorder="1" applyAlignment="1">
      <alignment horizontal="right" vertical="center"/>
    </xf>
    <xf numFmtId="0" fontId="7" fillId="0" borderId="19" xfId="2" applyBorder="1" applyAlignment="1">
      <alignment horizontal="right" vertical="center"/>
    </xf>
    <xf numFmtId="0" fontId="7" fillId="0" borderId="52" xfId="2" applyBorder="1">
      <alignment horizontal="center" vertical="center"/>
    </xf>
    <xf numFmtId="0" fontId="7" fillId="0" borderId="23" xfId="2" applyBorder="1">
      <alignment horizontal="center" vertical="center"/>
    </xf>
    <xf numFmtId="0" fontId="7" fillId="0" borderId="12" xfId="2" applyBorder="1">
      <alignment horizontal="center" vertical="center"/>
    </xf>
    <xf numFmtId="0" fontId="7" fillId="0" borderId="24" xfId="2" applyBorder="1">
      <alignment horizontal="center" vertical="center"/>
    </xf>
    <xf numFmtId="0" fontId="7" fillId="0" borderId="16" xfId="2" applyBorder="1">
      <alignment horizontal="center" vertical="center"/>
    </xf>
    <xf numFmtId="0" fontId="7" fillId="0" borderId="17" xfId="2" applyBorder="1">
      <alignment horizontal="center" vertical="center"/>
    </xf>
    <xf numFmtId="0" fontId="7" fillId="0" borderId="41" xfId="2" applyBorder="1">
      <alignment horizontal="center" vertical="center"/>
    </xf>
    <xf numFmtId="0" fontId="7" fillId="0" borderId="84" xfId="2" applyBorder="1" applyAlignment="1">
      <alignment horizontal="right"/>
    </xf>
    <xf numFmtId="0" fontId="7" fillId="0" borderId="47" xfId="2" applyBorder="1">
      <alignment horizontal="center" vertical="center"/>
    </xf>
    <xf numFmtId="0" fontId="7" fillId="0" borderId="42" xfId="2" applyBorder="1" applyAlignment="1">
      <alignment horizontal="right"/>
    </xf>
    <xf numFmtId="0" fontId="6" fillId="0" borderId="0" xfId="2" applyFont="1" applyAlignment="1">
      <alignment horizontal="left" vertical="center"/>
    </xf>
    <xf numFmtId="0" fontId="14" fillId="0" borderId="0" xfId="2" applyFont="1" applyAlignment="1">
      <alignment horizontal="left" vertical="center"/>
    </xf>
    <xf numFmtId="0" fontId="7" fillId="0" borderId="0" xfId="2" applyAlignment="1">
      <alignment horizontal="center" vertical="center"/>
    </xf>
    <xf numFmtId="0" fontId="7" fillId="0" borderId="5" xfId="2" applyBorder="1">
      <alignment horizontal="center" vertical="center"/>
    </xf>
    <xf numFmtId="0" fontId="7" fillId="0" borderId="14" xfId="2" applyBorder="1" applyAlignment="1">
      <alignment horizontal="distributed" vertical="center"/>
    </xf>
    <xf numFmtId="0" fontId="7" fillId="0" borderId="18" xfId="2" applyBorder="1">
      <alignment horizontal="center" vertical="center"/>
    </xf>
    <xf numFmtId="0" fontId="14" fillId="0" borderId="44" xfId="2" applyFont="1" applyBorder="1" applyAlignment="1">
      <alignment horizontal="left" vertical="center"/>
    </xf>
    <xf numFmtId="0" fontId="7" fillId="0" borderId="10" xfId="2" applyBorder="1" applyAlignment="1">
      <alignment horizontal="left" vertical="center"/>
    </xf>
    <xf numFmtId="0" fontId="7" fillId="0" borderId="0" xfId="2" applyBorder="1" applyAlignment="1">
      <alignment horizontal="distributed" vertical="center"/>
    </xf>
    <xf numFmtId="0" fontId="14" fillId="0" borderId="0" xfId="2" applyFont="1" applyBorder="1" applyAlignment="1">
      <alignment horizontal="left" vertical="center"/>
    </xf>
    <xf numFmtId="0" fontId="7" fillId="0" borderId="14" xfId="2" applyBorder="1">
      <alignment horizontal="center" vertical="center"/>
    </xf>
    <xf numFmtId="0" fontId="7" fillId="0" borderId="72" xfId="2" applyBorder="1" applyAlignment="1">
      <alignment horizontal="distributed" vertical="center"/>
    </xf>
    <xf numFmtId="0" fontId="7" fillId="0" borderId="85" xfId="2" applyBorder="1">
      <alignment horizontal="center" vertical="center"/>
    </xf>
    <xf numFmtId="0" fontId="7" fillId="0" borderId="6" xfId="2" applyFont="1" applyBorder="1" applyAlignment="1">
      <alignment horizontal="distributed" vertical="center"/>
    </xf>
    <xf numFmtId="0" fontId="7" fillId="0" borderId="86" xfId="2" applyBorder="1">
      <alignment horizontal="center" vertical="center"/>
    </xf>
    <xf numFmtId="0" fontId="7" fillId="0" borderId="10" xfId="2" applyBorder="1" applyAlignment="1">
      <alignment horizontal="right" vertical="center"/>
    </xf>
    <xf numFmtId="0" fontId="7" fillId="0" borderId="7" xfId="2" applyBorder="1" applyAlignment="1">
      <alignment horizontal="distributed" vertical="center"/>
    </xf>
    <xf numFmtId="0" fontId="7" fillId="0" borderId="48" xfId="2" applyBorder="1">
      <alignment horizontal="center" vertical="center"/>
    </xf>
    <xf numFmtId="0" fontId="7" fillId="0" borderId="6" xfId="2" applyBorder="1" applyAlignment="1">
      <alignment horizontal="distributed" vertical="center"/>
    </xf>
    <xf numFmtId="0" fontId="7" fillId="0" borderId="72" xfId="2" applyBorder="1">
      <alignment horizontal="center" vertical="center"/>
    </xf>
    <xf numFmtId="0" fontId="7" fillId="0" borderId="20" xfId="2" applyBorder="1" applyAlignment="1">
      <alignment horizontal="left" vertical="center"/>
    </xf>
    <xf numFmtId="0" fontId="7" fillId="0" borderId="20" xfId="2" applyBorder="1">
      <alignment horizontal="center" vertical="center"/>
    </xf>
    <xf numFmtId="0" fontId="7" fillId="0" borderId="19" xfId="2" applyBorder="1">
      <alignment horizontal="center" vertical="center"/>
    </xf>
    <xf numFmtId="0" fontId="7" fillId="0" borderId="42" xfId="2" applyBorder="1" applyAlignment="1">
      <alignment horizontal="distributed" vertical="center"/>
    </xf>
    <xf numFmtId="0" fontId="7" fillId="0" borderId="12" xfId="2" applyBorder="1" applyAlignment="1">
      <alignment horizontal="right" vertical="center"/>
    </xf>
    <xf numFmtId="0" fontId="7" fillId="0" borderId="42" xfId="2" applyBorder="1">
      <alignment horizontal="center" vertical="center"/>
    </xf>
    <xf numFmtId="0" fontId="7" fillId="0" borderId="10" xfId="2" applyBorder="1" applyAlignment="1">
      <alignment horizontal="left" vertical="center" shrinkToFit="1"/>
    </xf>
    <xf numFmtId="0" fontId="7" fillId="0" borderId="8" xfId="2" applyBorder="1" applyAlignment="1">
      <alignment horizontal="left" vertical="center" shrinkToFit="1"/>
    </xf>
    <xf numFmtId="0" fontId="7" fillId="0" borderId="0" xfId="2" applyFont="1" applyFill="1" applyBorder="1" applyAlignment="1">
      <alignment horizontal="left" vertical="center"/>
    </xf>
    <xf numFmtId="0" fontId="7" fillId="0" borderId="82" xfId="2" applyFont="1" applyBorder="1">
      <alignment horizontal="center" vertical="center"/>
    </xf>
    <xf numFmtId="0" fontId="7" fillId="0" borderId="81" xfId="2" applyFont="1" applyBorder="1" applyAlignment="1">
      <alignment horizontal="center"/>
    </xf>
    <xf numFmtId="0" fontId="7" fillId="0" borderId="14" xfId="2" applyFont="1" applyBorder="1">
      <alignment horizontal="center" vertical="center"/>
    </xf>
    <xf numFmtId="0" fontId="7" fillId="0" borderId="18" xfId="2" applyFont="1" applyBorder="1" applyAlignment="1">
      <alignment horizontal="center"/>
    </xf>
    <xf numFmtId="0" fontId="7" fillId="0" borderId="21" xfId="2" applyFont="1" applyBorder="1" applyAlignment="1">
      <alignment horizontal="center"/>
    </xf>
    <xf numFmtId="0" fontId="7" fillId="0" borderId="7" xfId="2" applyFont="1" applyBorder="1">
      <alignment horizontal="center" vertical="center"/>
    </xf>
    <xf numFmtId="0" fontId="7" fillId="0" borderId="37" xfId="2" applyFont="1" applyFill="1" applyBorder="1">
      <alignment horizontal="center" vertical="center"/>
    </xf>
    <xf numFmtId="0" fontId="7" fillId="0" borderId="0" xfId="2" applyFont="1" applyFill="1" applyBorder="1">
      <alignment horizontal="center" vertical="center"/>
    </xf>
    <xf numFmtId="0" fontId="7" fillId="0" borderId="17" xfId="2" applyFont="1" applyBorder="1" applyAlignment="1">
      <alignment horizontal="center" vertical="center"/>
    </xf>
    <xf numFmtId="0" fontId="7" fillId="0" borderId="46" xfId="2" applyFont="1" applyBorder="1">
      <alignment horizontal="center" vertical="center"/>
    </xf>
    <xf numFmtId="0" fontId="7" fillId="0" borderId="55" xfId="2" applyFont="1" applyBorder="1" applyAlignment="1">
      <alignment horizontal="center"/>
    </xf>
    <xf numFmtId="0" fontId="7" fillId="0" borderId="6" xfId="2" applyFont="1" applyBorder="1">
      <alignment horizontal="center" vertical="center"/>
    </xf>
    <xf numFmtId="0" fontId="7" fillId="0" borderId="40" xfId="2" applyFont="1" applyBorder="1">
      <alignment horizontal="center" vertical="center"/>
    </xf>
    <xf numFmtId="0" fontId="7" fillId="0" borderId="51" xfId="2" applyFont="1" applyBorder="1" applyAlignment="1">
      <alignment horizontal="center"/>
    </xf>
    <xf numFmtId="0" fontId="7" fillId="0" borderId="30" xfId="2" applyFont="1" applyBorder="1">
      <alignment horizontal="center" vertical="center"/>
    </xf>
    <xf numFmtId="0" fontId="7" fillId="0" borderId="84" xfId="2" applyFont="1" applyBorder="1">
      <alignment horizontal="center" vertical="center"/>
    </xf>
    <xf numFmtId="0" fontId="7" fillId="0" borderId="78" xfId="2" applyFont="1" applyBorder="1" applyAlignment="1">
      <alignment horizontal="center"/>
    </xf>
    <xf numFmtId="0" fontId="7" fillId="0" borderId="42" xfId="2" applyFont="1" applyBorder="1">
      <alignment horizontal="center" vertical="center"/>
    </xf>
    <xf numFmtId="0" fontId="7" fillId="0" borderId="36" xfId="2" applyFont="1" applyBorder="1">
      <alignment horizontal="center" vertical="center"/>
    </xf>
    <xf numFmtId="0" fontId="7" fillId="0" borderId="47" xfId="2" applyFont="1" applyBorder="1" applyAlignment="1">
      <alignment horizontal="center" vertical="center"/>
    </xf>
    <xf numFmtId="0" fontId="7" fillId="0" borderId="16" xfId="2" applyFont="1" applyBorder="1" applyAlignment="1">
      <alignment horizontal="center"/>
    </xf>
    <xf numFmtId="0" fontId="7" fillId="0" borderId="52" xfId="2" applyFont="1" applyBorder="1" applyAlignment="1">
      <alignment horizontal="distributed" vertical="center"/>
    </xf>
    <xf numFmtId="0" fontId="7" fillId="0" borderId="22" xfId="2" applyFont="1" applyBorder="1" applyAlignment="1">
      <alignment horizontal="distributed" vertical="center"/>
    </xf>
    <xf numFmtId="0" fontId="7" fillId="0" borderId="72" xfId="2" applyFont="1" applyBorder="1" applyAlignment="1">
      <alignment horizontal="distributed" vertical="center"/>
    </xf>
    <xf numFmtId="0" fontId="7" fillId="0" borderId="12" xfId="2" applyFont="1" applyBorder="1">
      <alignment horizontal="center" vertical="center"/>
    </xf>
    <xf numFmtId="0" fontId="7" fillId="0" borderId="17" xfId="2" applyFont="1" applyBorder="1" applyAlignment="1">
      <alignment horizontal="center"/>
    </xf>
    <xf numFmtId="0" fontId="7" fillId="0" borderId="44" xfId="2" applyFont="1" applyBorder="1" applyAlignment="1">
      <alignment vertical="center"/>
    </xf>
    <xf numFmtId="0" fontId="7" fillId="0" borderId="21" xfId="2" applyFont="1" applyBorder="1" applyAlignment="1">
      <alignment horizontal="distributed" vertical="center"/>
    </xf>
    <xf numFmtId="0" fontId="7" fillId="0" borderId="7" xfId="2" applyFont="1" applyBorder="1" applyAlignment="1">
      <alignment horizontal="distributed" vertical="center"/>
    </xf>
    <xf numFmtId="0" fontId="7" fillId="0" borderId="37" xfId="2" applyFont="1" applyBorder="1" applyAlignment="1">
      <alignment horizontal="center"/>
    </xf>
    <xf numFmtId="0" fontId="7" fillId="0" borderId="46" xfId="2" applyFont="1" applyBorder="1" applyAlignment="1">
      <alignment horizontal="center" vertical="center"/>
    </xf>
    <xf numFmtId="0" fontId="7" fillId="0" borderId="55" xfId="2" applyFont="1" applyBorder="1" applyAlignment="1">
      <alignment horizontal="center" vertical="center"/>
    </xf>
    <xf numFmtId="0" fontId="7" fillId="0" borderId="44" xfId="2" applyFont="1" applyBorder="1" applyAlignment="1">
      <alignment horizontal="distributed" vertical="center"/>
    </xf>
    <xf numFmtId="0" fontId="7" fillId="0" borderId="4" xfId="2" applyFont="1" applyBorder="1" applyAlignment="1">
      <alignment horizontal="left" vertical="center"/>
    </xf>
    <xf numFmtId="0" fontId="7" fillId="0" borderId="19" xfId="2" applyFont="1" applyBorder="1" applyAlignment="1">
      <alignment horizontal="distributed" vertical="center"/>
    </xf>
    <xf numFmtId="0" fontId="7" fillId="0" borderId="27" xfId="2" applyFont="1" applyBorder="1" applyAlignment="1">
      <alignment horizontal="distributed" vertical="center"/>
    </xf>
    <xf numFmtId="0" fontId="7" fillId="0" borderId="36" xfId="2" applyFont="1" applyBorder="1" applyAlignment="1">
      <alignment horizontal="center"/>
    </xf>
    <xf numFmtId="0" fontId="7" fillId="0" borderId="52" xfId="2" applyFont="1" applyBorder="1" applyAlignment="1">
      <alignment horizontal="center" vertical="center"/>
    </xf>
    <xf numFmtId="0" fontId="7" fillId="0" borderId="0" xfId="2" applyFont="1" applyBorder="1" applyAlignment="1">
      <alignment horizontal="distributed" vertical="center"/>
    </xf>
    <xf numFmtId="0" fontId="7" fillId="0" borderId="37" xfId="2" applyFont="1" applyBorder="1" applyAlignment="1">
      <alignment horizontal="center" vertical="center"/>
    </xf>
    <xf numFmtId="0" fontId="7" fillId="0" borderId="17" xfId="2" applyFont="1" applyBorder="1">
      <alignment horizontal="center" vertical="center"/>
    </xf>
    <xf numFmtId="0" fontId="7" fillId="0" borderId="60" xfId="2" applyFont="1" applyBorder="1" applyAlignment="1">
      <alignment horizontal="center" vertical="center"/>
    </xf>
    <xf numFmtId="0" fontId="7" fillId="0" borderId="66" xfId="2" applyFont="1" applyBorder="1" applyAlignment="1">
      <alignment horizontal="center" vertical="center"/>
    </xf>
    <xf numFmtId="0" fontId="7" fillId="0" borderId="67" xfId="2" applyFont="1" applyBorder="1" applyAlignment="1">
      <alignment horizontal="distributed" vertical="center"/>
    </xf>
    <xf numFmtId="0" fontId="7" fillId="0" borderId="64" xfId="2" applyFont="1" applyBorder="1" applyAlignment="1">
      <alignment horizontal="center" vertical="center"/>
    </xf>
    <xf numFmtId="0" fontId="7" fillId="0" borderId="4" xfId="2" applyFont="1" applyBorder="1" applyAlignment="1">
      <alignment horizontal="center" vertical="center"/>
    </xf>
    <xf numFmtId="0" fontId="7" fillId="0" borderId="19" xfId="2" applyFont="1" applyBorder="1" applyAlignment="1">
      <alignment horizontal="left" vertical="center"/>
    </xf>
    <xf numFmtId="0" fontId="7" fillId="0" borderId="78" xfId="2" applyFont="1" applyBorder="1" applyAlignment="1">
      <alignment horizontal="center" vertical="center"/>
    </xf>
    <xf numFmtId="0" fontId="7" fillId="0" borderId="0" xfId="2" applyFont="1" applyAlignment="1">
      <alignment vertical="center"/>
    </xf>
    <xf numFmtId="0" fontId="7" fillId="0" borderId="0" xfId="2" applyFont="1" applyAlignment="1"/>
    <xf numFmtId="0" fontId="7" fillId="0" borderId="0" xfId="2" applyFont="1" applyAlignment="1">
      <alignment horizontal="center" vertical="center"/>
    </xf>
    <xf numFmtId="0" fontId="1" fillId="0" borderId="0" xfId="2" applyFont="1" applyAlignment="1">
      <alignment horizontal="left" vertical="center"/>
    </xf>
    <xf numFmtId="0" fontId="4" fillId="0" borderId="0" xfId="2" applyFont="1" applyAlignment="1">
      <alignment horizontal="left" vertical="center"/>
    </xf>
    <xf numFmtId="0" fontId="7" fillId="0" borderId="13" xfId="2" applyFont="1" applyBorder="1">
      <alignment horizontal="center" vertical="center"/>
    </xf>
    <xf numFmtId="0" fontId="7" fillId="0" borderId="4" xfId="2" applyFont="1" applyBorder="1">
      <alignment horizontal="center" vertical="center"/>
    </xf>
    <xf numFmtId="0" fontId="7" fillId="0" borderId="20" xfId="2" applyFont="1" applyBorder="1" applyAlignment="1">
      <alignment horizontal="center"/>
    </xf>
    <xf numFmtId="0" fontId="7" fillId="0" borderId="19" xfId="2" applyFont="1" applyBorder="1" applyAlignment="1">
      <alignment horizontal="center"/>
    </xf>
    <xf numFmtId="0" fontId="7" fillId="0" borderId="27" xfId="2" applyFont="1" applyBorder="1">
      <alignment horizontal="center" vertical="center"/>
    </xf>
    <xf numFmtId="0" fontId="7" fillId="0" borderId="43" xfId="2" applyFont="1" applyBorder="1">
      <alignment horizontal="center" vertical="center"/>
    </xf>
    <xf numFmtId="0" fontId="7" fillId="0" borderId="22" xfId="2" applyFont="1" applyBorder="1" applyAlignment="1">
      <alignment horizontal="center"/>
    </xf>
    <xf numFmtId="0" fontId="7" fillId="0" borderId="72" xfId="2" applyFont="1" applyBorder="1">
      <alignment horizontal="center" vertical="center"/>
    </xf>
    <xf numFmtId="0" fontId="7" fillId="0" borderId="11" xfId="2" applyFont="1" applyBorder="1">
      <alignment horizontal="center" vertical="center"/>
    </xf>
    <xf numFmtId="0" fontId="7" fillId="0" borderId="9" xfId="2" applyFont="1" applyBorder="1" applyAlignment="1">
      <alignment horizontal="center"/>
    </xf>
    <xf numFmtId="0" fontId="7" fillId="0" borderId="5" xfId="2" applyFont="1" applyBorder="1" applyAlignment="1">
      <alignment horizontal="distributed" vertical="center"/>
    </xf>
    <xf numFmtId="0" fontId="7" fillId="0" borderId="8" xfId="2" applyFont="1" applyBorder="1" applyAlignment="1">
      <alignment horizontal="distributed" vertical="center"/>
    </xf>
    <xf numFmtId="0" fontId="7" fillId="0" borderId="51" xfId="2" applyFont="1" applyBorder="1" applyAlignment="1">
      <alignment horizontal="distributed" vertical="center"/>
    </xf>
    <xf numFmtId="0" fontId="7" fillId="0" borderId="30" xfId="2" applyFont="1" applyBorder="1" applyAlignment="1">
      <alignment horizontal="distributed" vertical="center"/>
    </xf>
    <xf numFmtId="0" fontId="7" fillId="0" borderId="15" xfId="2" applyFont="1" applyBorder="1">
      <alignment horizontal="center" vertical="center"/>
    </xf>
    <xf numFmtId="0" fontId="7" fillId="0" borderId="10" xfId="2" applyFont="1" applyBorder="1" applyAlignment="1">
      <alignment horizontal="distributed" vertical="center"/>
    </xf>
    <xf numFmtId="0" fontId="7" fillId="0" borderId="20" xfId="2" applyFont="1" applyBorder="1" applyAlignment="1">
      <alignment horizontal="distributed" vertical="center"/>
    </xf>
    <xf numFmtId="0" fontId="7" fillId="0" borderId="25" xfId="2" applyFont="1" applyBorder="1" applyAlignment="1">
      <alignment horizontal="center" vertical="center"/>
    </xf>
    <xf numFmtId="0" fontId="7" fillId="0" borderId="85" xfId="2" applyFont="1" applyBorder="1" applyAlignment="1">
      <alignment horizontal="center" vertical="center"/>
    </xf>
    <xf numFmtId="0" fontId="8" fillId="0" borderId="72" xfId="2" applyFont="1" applyBorder="1" applyAlignment="1">
      <alignment horizontal="left" vertical="center" wrapText="1"/>
    </xf>
    <xf numFmtId="0" fontId="7" fillId="0" borderId="61" xfId="2" applyFont="1" applyBorder="1" applyAlignment="1">
      <alignment horizontal="center" vertical="center"/>
    </xf>
    <xf numFmtId="0" fontId="7" fillId="0" borderId="20" xfId="2" applyFont="1" applyBorder="1" applyAlignment="1">
      <alignment horizontal="left" vertical="center"/>
    </xf>
    <xf numFmtId="0" fontId="7" fillId="0" borderId="58" xfId="2" applyFont="1" applyBorder="1" applyAlignment="1">
      <alignment horizontal="center" vertical="center" wrapText="1"/>
    </xf>
    <xf numFmtId="0" fontId="7" fillId="0" borderId="77" xfId="2" applyFont="1" applyBorder="1" applyAlignment="1">
      <alignment horizontal="center" vertical="center" wrapText="1"/>
    </xf>
    <xf numFmtId="0" fontId="7" fillId="0" borderId="0" xfId="2" applyFont="1" applyAlignment="1">
      <alignment horizontal="right" vertical="center"/>
    </xf>
    <xf numFmtId="0" fontId="16" fillId="0" borderId="0" xfId="2" applyFont="1" applyAlignment="1">
      <alignment horizontal="center" vertical="center"/>
    </xf>
    <xf numFmtId="0" fontId="7" fillId="0" borderId="8" xfId="2" applyFont="1" applyBorder="1" applyAlignment="1">
      <alignment horizontal="center" vertical="center"/>
    </xf>
    <xf numFmtId="0" fontId="7" fillId="0" borderId="51" xfId="2" applyFont="1" applyBorder="1" applyAlignment="1">
      <alignment horizontal="center" vertical="center"/>
    </xf>
    <xf numFmtId="0" fontId="7" fillId="0" borderId="32" xfId="2" applyFont="1" applyBorder="1" applyAlignment="1">
      <alignment horizontal="center" vertical="center"/>
    </xf>
    <xf numFmtId="0" fontId="7" fillId="0" borderId="10" xfId="2" applyFont="1" applyBorder="1" applyAlignment="1">
      <alignment horizontal="center" vertical="center"/>
    </xf>
    <xf numFmtId="0" fontId="7" fillId="0" borderId="21" xfId="2" applyFont="1" applyBorder="1" applyAlignment="1">
      <alignment horizontal="center" vertical="center"/>
    </xf>
    <xf numFmtId="0" fontId="7" fillId="0" borderId="36" xfId="2" applyFont="1" applyBorder="1" applyAlignment="1">
      <alignment horizontal="center" vertical="center"/>
    </xf>
    <xf numFmtId="0" fontId="7" fillId="0" borderId="23" xfId="2" applyFont="1" applyBorder="1" applyAlignment="1">
      <alignment horizontal="distributed" vertical="center"/>
    </xf>
    <xf numFmtId="0" fontId="7" fillId="0" borderId="24" xfId="2" applyFont="1" applyBorder="1" applyAlignment="1">
      <alignment horizontal="distributed" vertical="center"/>
    </xf>
    <xf numFmtId="0" fontId="7" fillId="0" borderId="37" xfId="2" applyFont="1" applyBorder="1" applyAlignment="1">
      <alignment horizontal="distributed" vertical="center"/>
    </xf>
    <xf numFmtId="0" fontId="7" fillId="0" borderId="69" xfId="2" applyFont="1" applyBorder="1" applyAlignment="1">
      <alignment horizontal="center" vertical="center"/>
    </xf>
    <xf numFmtId="0" fontId="7" fillId="0" borderId="71" xfId="2" applyFont="1" applyBorder="1" applyAlignment="1">
      <alignment horizontal="center" vertical="center"/>
    </xf>
    <xf numFmtId="0" fontId="7" fillId="0" borderId="59" xfId="2" applyFont="1" applyBorder="1" applyAlignment="1">
      <alignment horizontal="distributed" vertical="center"/>
    </xf>
    <xf numFmtId="0" fontId="7" fillId="0" borderId="35" xfId="2" applyFont="1" applyBorder="1" applyAlignment="1">
      <alignment horizontal="center" vertical="center"/>
    </xf>
    <xf numFmtId="0" fontId="7" fillId="0" borderId="59" xfId="2" applyFont="1" applyBorder="1" applyAlignment="1">
      <alignment horizontal="left" vertical="center"/>
    </xf>
    <xf numFmtId="0" fontId="7" fillId="0" borderId="78" xfId="2" applyFont="1" applyBorder="1" applyAlignment="1">
      <alignment horizontal="distributed" vertical="center"/>
    </xf>
    <xf numFmtId="0" fontId="7" fillId="0" borderId="42" xfId="2" applyFont="1" applyBorder="1" applyAlignment="1">
      <alignment horizontal="right" vertical="center"/>
    </xf>
    <xf numFmtId="0" fontId="7" fillId="0" borderId="38" xfId="2" applyFont="1" applyBorder="1" applyAlignment="1">
      <alignment horizontal="right" vertical="center"/>
    </xf>
    <xf numFmtId="0" fontId="7" fillId="0" borderId="81" xfId="2" applyFont="1" applyBorder="1" applyAlignment="1">
      <alignment horizontal="distributed" vertical="center"/>
    </xf>
    <xf numFmtId="0" fontId="7" fillId="0" borderId="38" xfId="2" applyFont="1" applyBorder="1" applyAlignment="1">
      <alignment horizontal="center" vertical="center"/>
    </xf>
    <xf numFmtId="0" fontId="7" fillId="0" borderId="81" xfId="2" applyFont="1" applyBorder="1" applyAlignment="1">
      <alignment horizontal="left" vertical="center"/>
    </xf>
    <xf numFmtId="0" fontId="7" fillId="0" borderId="41" xfId="2" applyFont="1" applyBorder="1" applyAlignment="1">
      <alignment horizontal="center" vertical="center"/>
    </xf>
    <xf numFmtId="0" fontId="7" fillId="0" borderId="43" xfId="2" applyFont="1" applyBorder="1" applyAlignment="1">
      <alignment horizontal="center" vertical="center"/>
    </xf>
    <xf numFmtId="0" fontId="5" fillId="0" borderId="0" xfId="0" applyFont="1" applyAlignment="1" applyProtection="1">
      <alignment vertical="center"/>
    </xf>
    <xf numFmtId="0" fontId="3" fillId="0" borderId="0" xfId="0" applyFont="1" applyAlignment="1" applyProtection="1">
      <alignment vertical="center"/>
    </xf>
    <xf numFmtId="0" fontId="17" fillId="0" borderId="0" xfId="0" applyFont="1" applyAlignment="1" applyProtection="1">
      <alignment horizontal="right" vertical="center"/>
    </xf>
    <xf numFmtId="0" fontId="11" fillId="0" borderId="0" xfId="0" applyFont="1" applyAlignment="1" applyProtection="1">
      <alignment vertical="center"/>
    </xf>
    <xf numFmtId="0" fontId="18" fillId="0" borderId="0" xfId="0" applyFont="1" applyProtection="1"/>
    <xf numFmtId="0" fontId="4" fillId="0" borderId="0" xfId="0" applyFont="1" applyAlignment="1" applyProtection="1">
      <alignment vertical="center"/>
    </xf>
    <xf numFmtId="0" fontId="4" fillId="0" borderId="6" xfId="0" applyFont="1" applyBorder="1" applyAlignment="1" applyProtection="1"/>
    <xf numFmtId="0" fontId="4" fillId="0" borderId="7" xfId="0" applyFont="1" applyBorder="1" applyAlignment="1" applyProtection="1"/>
    <xf numFmtId="0" fontId="3" fillId="0" borderId="10" xfId="0" applyFont="1" applyFill="1" applyBorder="1" applyAlignment="1" applyProtection="1">
      <alignment horizontal="center" vertical="center"/>
      <protection locked="0"/>
    </xf>
    <xf numFmtId="0" fontId="4" fillId="0" borderId="0" xfId="0" applyFont="1" applyBorder="1" applyAlignment="1" applyProtection="1"/>
    <xf numFmtId="0" fontId="5" fillId="0" borderId="0" xfId="0" applyFont="1" applyBorder="1" applyAlignment="1" applyProtection="1"/>
    <xf numFmtId="0" fontId="5" fillId="0" borderId="0" xfId="0" applyFont="1" applyAlignment="1" applyProtection="1">
      <alignment horizontal="center" vertical="center"/>
    </xf>
    <xf numFmtId="0" fontId="5" fillId="0" borderId="24" xfId="0" applyFont="1" applyBorder="1" applyAlignment="1" applyProtection="1">
      <alignment horizontal="center" vertical="center"/>
    </xf>
    <xf numFmtId="0" fontId="5" fillId="0" borderId="72" xfId="0" applyFont="1" applyBorder="1" applyAlignment="1" applyProtection="1">
      <alignment horizontal="center" vertical="center"/>
    </xf>
    <xf numFmtId="0" fontId="5" fillId="0" borderId="25" xfId="0" applyFont="1" applyBorder="1" applyAlignment="1" applyProtection="1">
      <alignment horizontal="center" vertical="center"/>
    </xf>
    <xf numFmtId="0" fontId="11" fillId="0" borderId="0" xfId="0" applyFont="1" applyAlignment="1" applyProtection="1">
      <alignment horizontal="center" vertical="center"/>
    </xf>
    <xf numFmtId="0" fontId="5" fillId="0" borderId="91" xfId="0" applyFont="1" applyBorder="1" applyAlignment="1" applyProtection="1">
      <alignment horizontal="center" vertical="center"/>
    </xf>
    <xf numFmtId="0" fontId="5" fillId="0" borderId="92" xfId="0" applyFont="1" applyBorder="1" applyAlignment="1" applyProtection="1">
      <alignment horizontal="center" vertical="center"/>
    </xf>
    <xf numFmtId="0" fontId="5" fillId="0" borderId="93" xfId="0" applyFont="1" applyBorder="1" applyAlignment="1" applyProtection="1">
      <alignment horizontal="center" vertical="center"/>
    </xf>
    <xf numFmtId="0" fontId="5" fillId="3" borderId="99" xfId="0" applyFont="1" applyFill="1" applyBorder="1" applyAlignment="1" applyProtection="1">
      <alignment horizontal="center" vertical="center"/>
    </xf>
    <xf numFmtId="0" fontId="5" fillId="3" borderId="100" xfId="0" applyFont="1" applyFill="1" applyBorder="1" applyAlignment="1" applyProtection="1">
      <alignment horizontal="center" vertical="center"/>
    </xf>
    <xf numFmtId="0" fontId="5" fillId="3" borderId="101" xfId="0" applyFont="1" applyFill="1" applyBorder="1" applyAlignment="1" applyProtection="1">
      <alignment horizontal="center" vertical="center"/>
    </xf>
    <xf numFmtId="0" fontId="5" fillId="3" borderId="102" xfId="0" applyFont="1" applyFill="1" applyBorder="1" applyAlignment="1" applyProtection="1">
      <alignment horizontal="center" vertical="center"/>
    </xf>
    <xf numFmtId="0" fontId="5" fillId="3" borderId="103" xfId="0" applyFont="1" applyFill="1" applyBorder="1" applyAlignment="1" applyProtection="1">
      <alignment horizontal="center" vertical="center"/>
    </xf>
    <xf numFmtId="0" fontId="5" fillId="3" borderId="104" xfId="0" applyFont="1" applyFill="1" applyBorder="1" applyAlignment="1" applyProtection="1">
      <alignment horizontal="center" vertical="center"/>
    </xf>
    <xf numFmtId="0" fontId="5" fillId="3" borderId="98" xfId="0" applyFont="1" applyFill="1" applyBorder="1" applyAlignment="1" applyProtection="1">
      <alignment horizontal="center" vertical="center"/>
    </xf>
    <xf numFmtId="0" fontId="5" fillId="3" borderId="108" xfId="0" applyFont="1" applyFill="1" applyBorder="1" applyAlignment="1" applyProtection="1">
      <alignment horizontal="center" vertical="center"/>
    </xf>
    <xf numFmtId="0" fontId="5" fillId="3" borderId="91" xfId="0" applyFont="1" applyFill="1" applyBorder="1" applyAlignment="1" applyProtection="1">
      <alignment horizontal="center" vertical="center"/>
    </xf>
    <xf numFmtId="0" fontId="5" fillId="3" borderId="92" xfId="0" applyFont="1" applyFill="1" applyBorder="1" applyAlignment="1" applyProtection="1">
      <alignment horizontal="center" vertical="center"/>
    </xf>
    <xf numFmtId="0" fontId="5" fillId="3" borderId="93" xfId="0" applyFont="1" applyFill="1" applyBorder="1" applyAlignment="1" applyProtection="1">
      <alignment horizontal="center" vertical="center"/>
    </xf>
    <xf numFmtId="0" fontId="5" fillId="3" borderId="109" xfId="0" applyFont="1" applyFill="1" applyBorder="1" applyAlignment="1" applyProtection="1">
      <alignment horizontal="center" vertical="center"/>
    </xf>
    <xf numFmtId="0" fontId="5" fillId="3" borderId="110" xfId="0" applyFont="1" applyFill="1" applyBorder="1" applyAlignment="1" applyProtection="1">
      <alignment horizontal="center" vertical="center"/>
    </xf>
    <xf numFmtId="0" fontId="5" fillId="3" borderId="107" xfId="0" quotePrefix="1" applyFont="1" applyFill="1" applyBorder="1" applyAlignment="1" applyProtection="1">
      <alignment horizontal="center" vertical="center"/>
    </xf>
    <xf numFmtId="0" fontId="5" fillId="0" borderId="99" xfId="0" applyFont="1" applyBorder="1" applyAlignment="1" applyProtection="1">
      <alignment horizontal="center" vertical="center" wrapText="1"/>
      <protection locked="0"/>
    </xf>
    <xf numFmtId="0" fontId="5" fillId="0" borderId="99" xfId="0" applyFont="1" applyBorder="1" applyAlignment="1" applyProtection="1">
      <alignment horizontal="center" vertical="center"/>
      <protection locked="0"/>
    </xf>
    <xf numFmtId="0" fontId="5" fillId="0" borderId="100" xfId="0" applyFont="1" applyBorder="1" applyAlignment="1" applyProtection="1">
      <alignment horizontal="center" vertical="center"/>
      <protection locked="0"/>
    </xf>
    <xf numFmtId="0" fontId="5" fillId="0" borderId="101" xfId="0" applyFont="1" applyBorder="1" applyAlignment="1" applyProtection="1">
      <alignment horizontal="center" vertical="center"/>
      <protection locked="0"/>
    </xf>
    <xf numFmtId="0" fontId="5" fillId="0" borderId="102" xfId="0" applyFont="1" applyBorder="1" applyAlignment="1" applyProtection="1">
      <alignment horizontal="center" vertical="center"/>
      <protection locked="0"/>
    </xf>
    <xf numFmtId="0" fontId="5" fillId="0" borderId="115" xfId="0" applyFont="1" applyBorder="1" applyAlignment="1" applyProtection="1">
      <alignment horizontal="center" vertical="center"/>
      <protection locked="0"/>
    </xf>
    <xf numFmtId="0" fontId="5" fillId="0" borderId="116" xfId="0" applyFont="1" applyBorder="1" applyAlignment="1" applyProtection="1">
      <alignment horizontal="center" vertical="center"/>
      <protection locked="0"/>
    </xf>
    <xf numFmtId="0" fontId="5" fillId="0" borderId="117" xfId="0" applyFont="1" applyBorder="1" applyAlignment="1" applyProtection="1">
      <alignment horizontal="center" vertical="center"/>
      <protection locked="0"/>
    </xf>
    <xf numFmtId="0" fontId="5" fillId="0" borderId="118" xfId="0" applyFont="1" applyBorder="1" applyAlignment="1" applyProtection="1">
      <alignment horizontal="center" vertical="center"/>
      <protection locked="0"/>
    </xf>
    <xf numFmtId="0" fontId="5" fillId="0" borderId="108" xfId="0" applyFont="1" applyBorder="1" applyAlignment="1" applyProtection="1">
      <alignment horizontal="center" vertical="center"/>
      <protection locked="0"/>
    </xf>
    <xf numFmtId="0" fontId="5" fillId="0" borderId="91" xfId="0" applyFont="1" applyBorder="1" applyAlignment="1" applyProtection="1">
      <alignment horizontal="center" vertical="center"/>
      <protection locked="0"/>
    </xf>
    <xf numFmtId="0" fontId="5" fillId="0" borderId="92" xfId="0" applyFont="1" applyBorder="1" applyAlignment="1" applyProtection="1">
      <alignment horizontal="center" vertical="center"/>
      <protection locked="0"/>
    </xf>
    <xf numFmtId="0" fontId="5" fillId="0" borderId="93" xfId="0" applyFont="1" applyBorder="1" applyAlignment="1" applyProtection="1">
      <alignment horizontal="center" vertical="center"/>
      <protection locked="0"/>
    </xf>
    <xf numFmtId="0" fontId="5" fillId="0" borderId="122" xfId="0" applyFont="1" applyBorder="1" applyAlignment="1" applyProtection="1">
      <alignment horizontal="center" vertical="center" shrinkToFit="1"/>
    </xf>
    <xf numFmtId="0" fontId="5" fillId="0" borderId="0" xfId="0" applyFont="1" applyBorder="1" applyAlignment="1" applyProtection="1">
      <alignment vertical="center"/>
    </xf>
    <xf numFmtId="0" fontId="3" fillId="0" borderId="0" xfId="0" applyFont="1" applyBorder="1" applyAlignment="1" applyProtection="1">
      <alignment vertical="center"/>
    </xf>
    <xf numFmtId="0" fontId="17" fillId="0" borderId="0" xfId="0" applyFont="1" applyBorder="1" applyAlignment="1" applyProtection="1">
      <alignment horizontal="right" vertical="center"/>
    </xf>
    <xf numFmtId="0" fontId="18" fillId="0" borderId="0" xfId="0" applyFont="1" applyBorder="1" applyProtection="1"/>
    <xf numFmtId="0" fontId="4" fillId="0" borderId="0" xfId="0" applyFont="1" applyBorder="1" applyAlignment="1" applyProtection="1">
      <alignment vertical="center"/>
    </xf>
    <xf numFmtId="0" fontId="5" fillId="0" borderId="0" xfId="0" applyFont="1" applyBorder="1" applyAlignment="1" applyProtection="1">
      <alignment horizontal="center" vertical="center"/>
    </xf>
    <xf numFmtId="0" fontId="11" fillId="0" borderId="0" xfId="0" applyFont="1" applyBorder="1" applyAlignment="1" applyProtection="1">
      <alignment vertical="center"/>
    </xf>
    <xf numFmtId="0" fontId="11" fillId="0" borderId="0" xfId="0" applyFont="1" applyBorder="1" applyAlignment="1" applyProtection="1">
      <alignment horizontal="center" vertical="center"/>
    </xf>
    <xf numFmtId="0" fontId="5" fillId="0" borderId="9" xfId="0" applyFont="1" applyBorder="1" applyAlignment="1" applyProtection="1">
      <alignment horizontal="center" vertical="center"/>
      <protection locked="0"/>
    </xf>
    <xf numFmtId="0" fontId="5" fillId="0" borderId="124" xfId="0" applyFont="1" applyBorder="1" applyAlignment="1" applyProtection="1">
      <alignment horizontal="center" vertical="center"/>
      <protection locked="0"/>
    </xf>
    <xf numFmtId="0" fontId="5" fillId="0" borderId="120" xfId="0" applyFont="1" applyBorder="1" applyAlignment="1" applyProtection="1">
      <alignment horizontal="center" vertical="center"/>
      <protection locked="0"/>
    </xf>
    <xf numFmtId="0" fontId="5" fillId="0" borderId="125" xfId="0" applyFont="1" applyBorder="1" applyAlignment="1" applyProtection="1">
      <alignment horizontal="center" vertical="center"/>
      <protection locked="0"/>
    </xf>
    <xf numFmtId="0" fontId="12" fillId="0" borderId="94" xfId="0" applyFont="1" applyBorder="1" applyAlignment="1" applyProtection="1">
      <alignment horizontal="center" vertical="center"/>
      <protection locked="0"/>
    </xf>
    <xf numFmtId="0" fontId="12" fillId="0" borderId="95" xfId="0" applyFont="1" applyBorder="1" applyAlignment="1" applyProtection="1">
      <alignment horizontal="center" vertical="center"/>
      <protection locked="0"/>
    </xf>
    <xf numFmtId="0" fontId="12" fillId="0" borderId="96" xfId="0" applyFont="1" applyBorder="1" applyAlignment="1" applyProtection="1">
      <alignment horizontal="center" vertical="center"/>
      <protection locked="0"/>
    </xf>
    <xf numFmtId="176" fontId="3" fillId="0" borderId="12" xfId="0" applyNumberFormat="1" applyFont="1" applyBorder="1" applyAlignment="1" applyProtection="1">
      <alignment horizontal="center" vertical="center"/>
      <protection locked="0"/>
    </xf>
    <xf numFmtId="0" fontId="5" fillId="2" borderId="103" xfId="0" applyFont="1" applyFill="1" applyBorder="1" applyAlignment="1" applyProtection="1">
      <alignment horizontal="center" vertical="center"/>
    </xf>
    <xf numFmtId="0" fontId="5" fillId="2" borderId="101" xfId="0" applyFont="1" applyFill="1" applyBorder="1" applyAlignment="1" applyProtection="1">
      <alignment horizontal="center" vertical="center"/>
    </xf>
    <xf numFmtId="0" fontId="5" fillId="2" borderId="104" xfId="0" applyFont="1" applyFill="1" applyBorder="1" applyAlignment="1" applyProtection="1">
      <alignment horizontal="center" vertical="center"/>
    </xf>
    <xf numFmtId="0" fontId="5" fillId="3" borderId="126" xfId="0" applyFont="1" applyFill="1" applyBorder="1" applyAlignment="1" applyProtection="1">
      <alignment horizontal="center" vertical="center" shrinkToFit="1"/>
    </xf>
    <xf numFmtId="0" fontId="5" fillId="3" borderId="117" xfId="0" applyFont="1" applyFill="1" applyBorder="1" applyAlignment="1" applyProtection="1">
      <alignment horizontal="center" vertical="center" shrinkToFit="1"/>
    </xf>
    <xf numFmtId="0" fontId="5" fillId="3" borderId="127" xfId="0" applyFont="1" applyFill="1" applyBorder="1" applyAlignment="1" applyProtection="1">
      <alignment horizontal="center" vertical="center" shrinkToFit="1"/>
    </xf>
    <xf numFmtId="0" fontId="5" fillId="2" borderId="126" xfId="0" applyFont="1" applyFill="1" applyBorder="1" applyAlignment="1" applyProtection="1">
      <alignment horizontal="center" vertical="center"/>
    </xf>
    <xf numFmtId="0" fontId="5" fillId="2" borderId="117" xfId="0" applyFont="1" applyFill="1" applyBorder="1" applyAlignment="1" applyProtection="1">
      <alignment horizontal="center" vertical="center"/>
    </xf>
    <xf numFmtId="0" fontId="5" fillId="2" borderId="127" xfId="0" applyFont="1" applyFill="1" applyBorder="1" applyAlignment="1" applyProtection="1">
      <alignment horizontal="center" vertical="center"/>
    </xf>
    <xf numFmtId="0" fontId="5" fillId="3" borderId="109" xfId="0" applyFont="1" applyFill="1" applyBorder="1" applyAlignment="1" applyProtection="1">
      <alignment horizontal="center" vertical="center" shrinkToFit="1"/>
    </xf>
    <xf numFmtId="0" fontId="5" fillId="3" borderId="92" xfId="0" applyFont="1" applyFill="1" applyBorder="1" applyAlignment="1" applyProtection="1">
      <alignment horizontal="center" vertical="center" shrinkToFit="1"/>
    </xf>
    <xf numFmtId="0" fontId="5" fillId="3" borderId="110" xfId="0" applyFont="1" applyFill="1" applyBorder="1" applyAlignment="1" applyProtection="1">
      <alignment horizontal="center" vertical="center" shrinkToFit="1"/>
    </xf>
    <xf numFmtId="0" fontId="5" fillId="0" borderId="103" xfId="0" applyFont="1" applyBorder="1" applyAlignment="1" applyProtection="1">
      <alignment horizontal="center" vertical="center"/>
    </xf>
    <xf numFmtId="0" fontId="5" fillId="0" borderId="101" xfId="0" applyFont="1" applyBorder="1" applyAlignment="1" applyProtection="1">
      <alignment horizontal="center" vertical="center"/>
    </xf>
    <xf numFmtId="0" fontId="5" fillId="0" borderId="104" xfId="0" applyFont="1" applyBorder="1" applyAlignment="1" applyProtection="1">
      <alignment horizontal="center" vertical="center"/>
    </xf>
    <xf numFmtId="0" fontId="5" fillId="0" borderId="126" xfId="0" applyFont="1" applyBorder="1" applyAlignment="1" applyProtection="1">
      <alignment horizontal="center" vertical="center"/>
      <protection locked="0"/>
    </xf>
    <xf numFmtId="0" fontId="5" fillId="0" borderId="127" xfId="0" applyFont="1" applyBorder="1" applyAlignment="1" applyProtection="1">
      <alignment horizontal="center" vertical="center"/>
      <protection locked="0"/>
    </xf>
    <xf numFmtId="0" fontId="5" fillId="0" borderId="126" xfId="0" applyFont="1" applyBorder="1" applyAlignment="1" applyProtection="1">
      <alignment horizontal="center" vertical="center"/>
    </xf>
    <xf numFmtId="0" fontId="5" fillId="0" borderId="117" xfId="0" applyFont="1" applyBorder="1" applyAlignment="1" applyProtection="1">
      <alignment horizontal="center" vertical="center"/>
    </xf>
    <xf numFmtId="0" fontId="5" fillId="0" borderId="127" xfId="0" applyFont="1" applyBorder="1" applyAlignment="1" applyProtection="1">
      <alignment horizontal="center" vertical="center"/>
    </xf>
    <xf numFmtId="0" fontId="5" fillId="0" borderId="109" xfId="0" applyFont="1" applyBorder="1" applyAlignment="1" applyProtection="1">
      <alignment horizontal="center" vertical="center"/>
      <protection locked="0"/>
    </xf>
    <xf numFmtId="0" fontId="5" fillId="0" borderId="110" xfId="0" applyFont="1" applyBorder="1" applyAlignment="1" applyProtection="1">
      <alignment horizontal="center" vertical="center"/>
      <protection locked="0"/>
    </xf>
    <xf numFmtId="176" fontId="3" fillId="0" borderId="23" xfId="0" applyNumberFormat="1" applyFont="1" applyBorder="1" applyAlignment="1" applyProtection="1">
      <alignment horizontal="center" vertical="center"/>
      <protection locked="0"/>
    </xf>
    <xf numFmtId="0" fontId="0" fillId="0" borderId="58" xfId="0" applyBorder="1" applyAlignment="1" applyProtection="1">
      <alignment horizontal="center" vertical="center"/>
      <protection locked="0"/>
    </xf>
    <xf numFmtId="0" fontId="0" fillId="0" borderId="9" xfId="0" applyBorder="1" applyAlignment="1" applyProtection="1">
      <alignment horizontal="center" vertical="center"/>
      <protection locked="0"/>
    </xf>
    <xf numFmtId="0" fontId="5" fillId="0" borderId="123" xfId="0" applyFont="1" applyBorder="1" applyAlignment="1" applyProtection="1">
      <alignment horizontal="center" vertical="center" wrapText="1"/>
      <protection locked="0"/>
    </xf>
    <xf numFmtId="0" fontId="0" fillId="0" borderId="7" xfId="0" applyBorder="1" applyAlignment="1" applyProtection="1">
      <alignment vertical="center" wrapText="1"/>
      <protection locked="0"/>
    </xf>
    <xf numFmtId="0" fontId="0" fillId="0" borderId="45" xfId="0" applyBorder="1" applyAlignment="1" applyProtection="1">
      <alignment vertical="center" wrapText="1"/>
      <protection locked="0"/>
    </xf>
    <xf numFmtId="0" fontId="5" fillId="3" borderId="106" xfId="0" applyFont="1" applyFill="1" applyBorder="1" applyAlignment="1" applyProtection="1">
      <alignment horizontal="center" vertical="center" shrinkToFit="1"/>
    </xf>
    <xf numFmtId="0" fontId="4" fillId="3" borderId="107" xfId="0" applyFont="1" applyFill="1" applyBorder="1" applyAlignment="1" applyProtection="1">
      <alignment horizontal="center" vertical="center" shrinkToFit="1"/>
    </xf>
    <xf numFmtId="0" fontId="5" fillId="3" borderId="111" xfId="0" applyFont="1" applyFill="1" applyBorder="1" applyAlignment="1" applyProtection="1">
      <alignment horizontal="center" vertical="center"/>
    </xf>
    <xf numFmtId="0" fontId="4" fillId="3" borderId="111" xfId="0" applyFont="1" applyFill="1" applyBorder="1" applyAlignment="1" applyProtection="1">
      <alignment horizontal="center" vertical="center"/>
    </xf>
    <xf numFmtId="176" fontId="5" fillId="3" borderId="106" xfId="0" applyNumberFormat="1" applyFont="1" applyFill="1" applyBorder="1" applyAlignment="1" applyProtection="1">
      <alignment horizontal="center" vertical="center"/>
    </xf>
    <xf numFmtId="176" fontId="4" fillId="3" borderId="111" xfId="0" applyNumberFormat="1" applyFont="1" applyFill="1" applyBorder="1" applyAlignment="1" applyProtection="1">
      <alignment horizontal="center" vertical="center"/>
    </xf>
    <xf numFmtId="176" fontId="4" fillId="3" borderId="107" xfId="0" applyNumberFormat="1" applyFont="1" applyFill="1" applyBorder="1" applyAlignment="1" applyProtection="1">
      <alignment horizontal="center" vertical="center"/>
    </xf>
    <xf numFmtId="0" fontId="5" fillId="0" borderId="24" xfId="0" applyFont="1" applyBorder="1" applyAlignment="1" applyProtection="1">
      <alignment horizontal="center" vertical="center" shrinkToFit="1"/>
    </xf>
    <xf numFmtId="0" fontId="4" fillId="0" borderId="25" xfId="0" applyFont="1" applyBorder="1" applyAlignment="1" applyProtection="1">
      <alignment horizontal="center" vertical="center" shrinkToFit="1"/>
    </xf>
    <xf numFmtId="0" fontId="0" fillId="0" borderId="11" xfId="0" applyBorder="1" applyAlignment="1" applyProtection="1">
      <alignment horizontal="center" vertical="center" shrinkToFit="1"/>
    </xf>
    <xf numFmtId="0" fontId="0" fillId="0" borderId="12" xfId="0" applyBorder="1" applyAlignment="1" applyProtection="1">
      <alignment horizontal="center" vertical="center" shrinkToFit="1"/>
    </xf>
    <xf numFmtId="0" fontId="0" fillId="0" borderId="40" xfId="0" applyBorder="1" applyAlignment="1" applyProtection="1">
      <alignment horizontal="center" vertical="center" shrinkToFit="1"/>
    </xf>
    <xf numFmtId="0" fontId="0" fillId="0" borderId="39" xfId="0" applyBorder="1" applyAlignment="1" applyProtection="1">
      <alignment horizontal="center" vertical="center" shrinkToFit="1"/>
    </xf>
    <xf numFmtId="0" fontId="12" fillId="0" borderId="112" xfId="0" applyFont="1" applyBorder="1" applyAlignment="1" applyProtection="1">
      <alignment horizontal="center" vertical="center"/>
      <protection locked="0"/>
    </xf>
    <xf numFmtId="0" fontId="0" fillId="0" borderId="119" xfId="0" applyBorder="1" applyAlignment="1" applyProtection="1">
      <alignment horizontal="center" vertical="center"/>
      <protection locked="0"/>
    </xf>
    <xf numFmtId="0" fontId="0" fillId="0" borderId="94" xfId="0" applyBorder="1" applyAlignment="1" applyProtection="1">
      <alignment horizontal="center" vertical="center"/>
      <protection locked="0"/>
    </xf>
    <xf numFmtId="0" fontId="12" fillId="0" borderId="113" xfId="0" applyFont="1" applyBorder="1" applyAlignment="1" applyProtection="1">
      <alignment horizontal="center" vertical="center"/>
      <protection locked="0"/>
    </xf>
    <xf numFmtId="0" fontId="0" fillId="0" borderId="120" xfId="0" applyBorder="1" applyAlignment="1" applyProtection="1">
      <alignment horizontal="center" vertical="center"/>
      <protection locked="0"/>
    </xf>
    <xf numFmtId="0" fontId="0" fillId="0" borderId="95" xfId="0" applyBorder="1" applyAlignment="1" applyProtection="1">
      <alignment horizontal="center" vertical="center"/>
      <protection locked="0"/>
    </xf>
    <xf numFmtId="0" fontId="12" fillId="0" borderId="114" xfId="0" applyFont="1" applyBorder="1" applyAlignment="1" applyProtection="1">
      <alignment horizontal="center" vertical="center"/>
      <protection locked="0"/>
    </xf>
    <xf numFmtId="0" fontId="0" fillId="0" borderId="121" xfId="0" applyBorder="1" applyAlignment="1" applyProtection="1">
      <alignment horizontal="center" vertical="center"/>
      <protection locked="0"/>
    </xf>
    <xf numFmtId="0" fontId="0" fillId="0" borderId="96" xfId="0" applyBorder="1" applyAlignment="1" applyProtection="1">
      <alignment horizontal="center" vertical="center"/>
      <protection locked="0"/>
    </xf>
    <xf numFmtId="0" fontId="3" fillId="0" borderId="24" xfId="0" applyFont="1" applyBorder="1" applyAlignment="1" applyProtection="1">
      <alignment horizontal="center" vertical="center"/>
      <protection locked="0"/>
    </xf>
    <xf numFmtId="0" fontId="3" fillId="0" borderId="25" xfId="0" applyFont="1" applyBorder="1" applyAlignment="1" applyProtection="1">
      <alignment horizontal="center" vertical="center"/>
      <protection locked="0"/>
    </xf>
    <xf numFmtId="0" fontId="0" fillId="0" borderId="11" xfId="0" applyBorder="1" applyAlignment="1" applyProtection="1">
      <alignment horizontal="center" vertical="center"/>
      <protection locked="0"/>
    </xf>
    <xf numFmtId="0" fontId="0" fillId="0" borderId="12" xfId="0" applyBorder="1" applyAlignment="1" applyProtection="1">
      <alignment horizontal="center" vertical="center"/>
      <protection locked="0"/>
    </xf>
    <xf numFmtId="0" fontId="0" fillId="0" borderId="40" xfId="0" applyBorder="1" applyAlignment="1" applyProtection="1">
      <alignment horizontal="center" vertical="center"/>
      <protection locked="0"/>
    </xf>
    <xf numFmtId="0" fontId="0" fillId="0" borderId="39" xfId="0" applyBorder="1" applyAlignment="1" applyProtection="1">
      <alignment horizontal="center" vertical="center"/>
      <protection locked="0"/>
    </xf>
    <xf numFmtId="176" fontId="3" fillId="0" borderId="24" xfId="0" applyNumberFormat="1" applyFont="1" applyBorder="1" applyAlignment="1" applyProtection="1">
      <alignment horizontal="center" vertical="center"/>
      <protection locked="0"/>
    </xf>
    <xf numFmtId="176" fontId="3" fillId="0" borderId="72" xfId="0" applyNumberFormat="1" applyFont="1" applyBorder="1" applyAlignment="1" applyProtection="1">
      <alignment horizontal="center" vertical="center"/>
      <protection locked="0"/>
    </xf>
    <xf numFmtId="176" fontId="3" fillId="0" borderId="25" xfId="0" applyNumberFormat="1" applyFont="1" applyBorder="1" applyAlignment="1" applyProtection="1">
      <alignment horizontal="center" vertical="center"/>
      <protection locked="0"/>
    </xf>
    <xf numFmtId="0" fontId="0" fillId="0" borderId="0" xfId="0" applyBorder="1" applyAlignment="1" applyProtection="1">
      <alignment horizontal="center" vertical="center"/>
      <protection locked="0"/>
    </xf>
    <xf numFmtId="0" fontId="0" fillId="0" borderId="6" xfId="0" applyBorder="1" applyAlignment="1" applyProtection="1">
      <alignment horizontal="center" vertical="center"/>
      <protection locked="0"/>
    </xf>
    <xf numFmtId="0" fontId="5" fillId="0" borderId="25" xfId="0" applyFont="1" applyBorder="1" applyAlignment="1" applyProtection="1">
      <alignment horizontal="center" vertical="center" wrapText="1"/>
    </xf>
    <xf numFmtId="0" fontId="4" fillId="0" borderId="12" xfId="0" applyFont="1" applyBorder="1" applyAlignment="1" applyProtection="1">
      <alignment vertical="center" wrapText="1"/>
    </xf>
    <xf numFmtId="0" fontId="4" fillId="0" borderId="39" xfId="0" applyFont="1" applyBorder="1" applyAlignment="1" applyProtection="1">
      <alignment vertical="center" wrapText="1"/>
    </xf>
    <xf numFmtId="0" fontId="5" fillId="0" borderId="88" xfId="0" applyFont="1" applyBorder="1" applyAlignment="1" applyProtection="1">
      <alignment horizontal="center" vertical="center" wrapText="1"/>
    </xf>
    <xf numFmtId="0" fontId="4" fillId="0" borderId="94" xfId="0" applyFont="1" applyBorder="1" applyAlignment="1" applyProtection="1">
      <alignment horizontal="center" vertical="center" wrapText="1"/>
    </xf>
    <xf numFmtId="0" fontId="5" fillId="0" borderId="89" xfId="0" applyFont="1" applyBorder="1" applyAlignment="1" applyProtection="1">
      <alignment horizontal="center" vertical="center" wrapText="1"/>
    </xf>
    <xf numFmtId="0" fontId="4" fillId="0" borderId="95" xfId="0" applyFont="1" applyBorder="1" applyAlignment="1" applyProtection="1">
      <alignment horizontal="center" vertical="center" wrapText="1"/>
    </xf>
    <xf numFmtId="0" fontId="5" fillId="0" borderId="90" xfId="0" applyFont="1" applyBorder="1" applyAlignment="1" applyProtection="1">
      <alignment horizontal="center" vertical="center" wrapText="1"/>
    </xf>
    <xf numFmtId="0" fontId="4" fillId="0" borderId="96" xfId="0" applyFont="1" applyBorder="1" applyAlignment="1" applyProtection="1">
      <alignment horizontal="center" vertical="center" wrapText="1"/>
    </xf>
    <xf numFmtId="0" fontId="5" fillId="3" borderId="97" xfId="0" applyFont="1" applyFill="1" applyBorder="1" applyAlignment="1" applyProtection="1">
      <alignment horizontal="center" vertical="center" shrinkToFit="1"/>
    </xf>
    <xf numFmtId="0" fontId="4" fillId="3" borderId="98" xfId="0" applyFont="1" applyFill="1" applyBorder="1" applyAlignment="1" applyProtection="1">
      <alignment horizontal="center" vertical="center" shrinkToFit="1"/>
    </xf>
    <xf numFmtId="0" fontId="5" fillId="3" borderId="105" xfId="0" applyFont="1" applyFill="1" applyBorder="1" applyAlignment="1" applyProtection="1">
      <alignment horizontal="center" vertical="center"/>
    </xf>
    <xf numFmtId="0" fontId="4" fillId="3" borderId="105" xfId="0" applyFont="1" applyFill="1" applyBorder="1" applyAlignment="1" applyProtection="1">
      <alignment horizontal="center" vertical="center"/>
    </xf>
    <xf numFmtId="0" fontId="5" fillId="3" borderId="97" xfId="0" applyFont="1" applyFill="1" applyBorder="1" applyAlignment="1" applyProtection="1">
      <alignment horizontal="center" vertical="center"/>
    </xf>
    <xf numFmtId="0" fontId="4" fillId="3" borderId="98" xfId="0" applyFont="1" applyFill="1" applyBorder="1" applyAlignment="1" applyProtection="1">
      <alignment horizontal="center" vertical="center"/>
    </xf>
    <xf numFmtId="0" fontId="5" fillId="0" borderId="6" xfId="0" applyFont="1" applyBorder="1" applyAlignment="1" applyProtection="1">
      <protection locked="0"/>
    </xf>
    <xf numFmtId="0" fontId="5" fillId="0" borderId="7" xfId="0" applyFont="1" applyBorder="1" applyAlignment="1" applyProtection="1">
      <alignment shrinkToFit="1"/>
      <protection locked="0"/>
    </xf>
    <xf numFmtId="0" fontId="5" fillId="0" borderId="7" xfId="0" applyFont="1" applyBorder="1" applyAlignment="1" applyProtection="1">
      <protection locked="0"/>
    </xf>
    <xf numFmtId="0" fontId="5" fillId="0" borderId="24" xfId="0" applyFont="1" applyBorder="1" applyAlignment="1" applyProtection="1">
      <alignment horizontal="center" vertical="center"/>
    </xf>
    <xf numFmtId="0" fontId="4" fillId="0" borderId="25" xfId="0" applyFont="1" applyBorder="1" applyAlignment="1" applyProtection="1">
      <alignment horizontal="center" vertical="center"/>
    </xf>
    <xf numFmtId="0" fontId="4" fillId="0" borderId="11" xfId="0" applyFont="1" applyBorder="1" applyAlignment="1" applyProtection="1">
      <alignment horizontal="center" vertical="center"/>
    </xf>
    <xf numFmtId="0" fontId="4" fillId="0" borderId="12" xfId="0" applyFont="1" applyBorder="1" applyAlignment="1" applyProtection="1">
      <alignment horizontal="center" vertical="center"/>
    </xf>
    <xf numFmtId="0" fontId="4" fillId="0" borderId="40" xfId="0" applyFont="1" applyBorder="1" applyAlignment="1" applyProtection="1">
      <alignment horizontal="center" vertical="center"/>
    </xf>
    <xf numFmtId="0" fontId="4" fillId="0" borderId="39" xfId="0" applyFont="1" applyBorder="1" applyAlignment="1" applyProtection="1">
      <alignment horizontal="center" vertical="center"/>
    </xf>
    <xf numFmtId="0" fontId="5" fillId="0" borderId="23" xfId="0" applyFont="1" applyBorder="1" applyAlignment="1" applyProtection="1">
      <alignment horizontal="center" vertical="center"/>
    </xf>
    <xf numFmtId="0" fontId="4" fillId="0" borderId="58" xfId="0" applyFont="1" applyBorder="1" applyAlignment="1" applyProtection="1">
      <alignment horizontal="center" vertical="center"/>
    </xf>
    <xf numFmtId="0" fontId="4" fillId="0" borderId="9" xfId="0" applyFont="1" applyBorder="1" applyAlignment="1" applyProtection="1">
      <alignment horizontal="center" vertical="center"/>
    </xf>
    <xf numFmtId="0" fontId="5" fillId="0" borderId="72" xfId="0" applyFont="1" applyBorder="1" applyAlignment="1" applyProtection="1">
      <alignment horizontal="center" vertical="center"/>
    </xf>
    <xf numFmtId="0" fontId="4" fillId="0" borderId="72" xfId="0" applyFont="1" applyBorder="1" applyAlignment="1" applyProtection="1">
      <alignment horizontal="center" vertical="center"/>
    </xf>
    <xf numFmtId="0" fontId="4" fillId="0" borderId="87" xfId="0" applyFont="1" applyBorder="1" applyAlignment="1" applyProtection="1">
      <alignment horizontal="center" vertical="center"/>
    </xf>
    <xf numFmtId="0" fontId="5" fillId="0" borderId="72" xfId="0" applyFont="1" applyBorder="1" applyAlignment="1" applyProtection="1">
      <alignment horizontal="center" vertical="center" wrapText="1"/>
    </xf>
    <xf numFmtId="0" fontId="4" fillId="0" borderId="72" xfId="0" applyFont="1" applyBorder="1" applyAlignment="1" applyProtection="1">
      <alignment vertical="center" wrapText="1"/>
    </xf>
    <xf numFmtId="0" fontId="4" fillId="0" borderId="0" xfId="0" applyFont="1" applyBorder="1" applyAlignment="1" applyProtection="1">
      <alignment vertical="center" wrapText="1"/>
    </xf>
    <xf numFmtId="0" fontId="4" fillId="0" borderId="6" xfId="0" applyFont="1" applyBorder="1" applyAlignment="1" applyProtection="1">
      <alignment vertical="center" wrapText="1"/>
    </xf>
    <xf numFmtId="0" fontId="5" fillId="0" borderId="24" xfId="0" applyFont="1" applyBorder="1" applyAlignment="1" applyProtection="1">
      <alignment horizontal="center" vertical="center" wrapText="1"/>
    </xf>
    <xf numFmtId="0" fontId="4" fillId="0" borderId="72" xfId="0" applyFont="1" applyBorder="1" applyAlignment="1" applyProtection="1">
      <alignment horizontal="center" vertical="center" wrapText="1"/>
    </xf>
    <xf numFmtId="0" fontId="4" fillId="0" borderId="25" xfId="0" applyFont="1" applyBorder="1" applyAlignment="1" applyProtection="1">
      <alignment horizontal="center" vertical="center" wrapText="1"/>
    </xf>
    <xf numFmtId="0" fontId="4" fillId="0" borderId="11" xfId="0" applyFont="1" applyBorder="1" applyAlignment="1" applyProtection="1">
      <alignment horizontal="center" vertical="center" wrapText="1"/>
    </xf>
    <xf numFmtId="0" fontId="4" fillId="0" borderId="0" xfId="0" applyFont="1" applyBorder="1" applyAlignment="1" applyProtection="1">
      <alignment horizontal="center" vertical="center" wrapText="1"/>
    </xf>
    <xf numFmtId="0" fontId="4" fillId="0" borderId="12" xfId="0" applyFont="1" applyBorder="1" applyAlignment="1" applyProtection="1">
      <alignment horizontal="center" vertical="center" wrapText="1"/>
    </xf>
    <xf numFmtId="0" fontId="4" fillId="0" borderId="40" xfId="0" applyFont="1" applyBorder="1" applyAlignment="1" applyProtection="1">
      <alignment horizontal="center" vertical="center" wrapText="1"/>
    </xf>
    <xf numFmtId="0" fontId="4" fillId="0" borderId="6" xfId="0" applyFont="1" applyBorder="1" applyAlignment="1" applyProtection="1">
      <alignment horizontal="center" vertical="center" wrapText="1"/>
    </xf>
    <xf numFmtId="0" fontId="4" fillId="0" borderId="39" xfId="0" applyFont="1" applyBorder="1" applyAlignment="1" applyProtection="1">
      <alignment horizontal="center" vertical="center" wrapText="1"/>
    </xf>
    <xf numFmtId="0" fontId="5" fillId="3" borderId="106" xfId="0" applyFont="1" applyFill="1" applyBorder="1" applyAlignment="1" applyProtection="1">
      <alignment horizontal="center" vertical="center"/>
    </xf>
    <xf numFmtId="0" fontId="4" fillId="3" borderId="107" xfId="0" applyFont="1" applyFill="1" applyBorder="1" applyAlignment="1" applyProtection="1">
      <alignment horizontal="center" vertical="center"/>
    </xf>
    <xf numFmtId="0" fontId="5" fillId="0" borderId="37" xfId="0" applyFont="1" applyBorder="1" applyAlignment="1" applyProtection="1">
      <alignment horizontal="center" vertical="center" shrinkToFit="1"/>
    </xf>
    <xf numFmtId="0" fontId="4" fillId="0" borderId="45" xfId="0" applyFont="1" applyBorder="1" applyAlignment="1" applyProtection="1">
      <alignment horizontal="center" vertical="center" shrinkToFit="1"/>
    </xf>
    <xf numFmtId="0" fontId="3" fillId="0" borderId="0" xfId="0" applyFont="1" applyBorder="1" applyAlignment="1" applyProtection="1">
      <alignment horizontal="center" vertical="center"/>
      <protection locked="0"/>
    </xf>
    <xf numFmtId="176" fontId="3" fillId="0" borderId="40" xfId="0" applyNumberFormat="1" applyFont="1" applyBorder="1" applyAlignment="1" applyProtection="1">
      <alignment horizontal="center" vertical="center" shrinkToFit="1"/>
      <protection locked="0"/>
    </xf>
    <xf numFmtId="176" fontId="3" fillId="0" borderId="6" xfId="0" applyNumberFormat="1" applyFont="1" applyBorder="1" applyAlignment="1" applyProtection="1">
      <alignment horizontal="center" vertical="center" shrinkToFit="1"/>
      <protection locked="0"/>
    </xf>
    <xf numFmtId="176" fontId="3" fillId="0" borderId="39" xfId="0" applyNumberFormat="1" applyFont="1" applyBorder="1" applyAlignment="1" applyProtection="1">
      <alignment horizontal="center" vertical="center" shrinkToFit="1"/>
      <protection locked="0"/>
    </xf>
    <xf numFmtId="0" fontId="5" fillId="3" borderId="134" xfId="0" quotePrefix="1" applyFont="1" applyFill="1" applyBorder="1" applyAlignment="1" applyProtection="1">
      <alignment horizontal="center" vertical="center"/>
    </xf>
    <xf numFmtId="0" fontId="0" fillId="3" borderId="58" xfId="0" applyFill="1" applyBorder="1" applyAlignment="1" applyProtection="1">
      <alignment horizontal="center" vertical="center"/>
    </xf>
    <xf numFmtId="0" fontId="0" fillId="3" borderId="9" xfId="0" applyFill="1" applyBorder="1" applyAlignment="1" applyProtection="1">
      <alignment horizontal="center" vertical="center"/>
    </xf>
    <xf numFmtId="0" fontId="5" fillId="0" borderId="24" xfId="0" applyFont="1" applyBorder="1" applyAlignment="1" applyProtection="1">
      <alignment horizontal="center" vertical="center" shrinkToFit="1"/>
      <protection locked="0"/>
    </xf>
    <xf numFmtId="0" fontId="4" fillId="0" borderId="25" xfId="0" applyFont="1" applyBorder="1" applyAlignment="1" applyProtection="1">
      <alignment horizontal="center" vertical="center" shrinkToFit="1"/>
      <protection locked="0"/>
    </xf>
    <xf numFmtId="0" fontId="0" fillId="0" borderId="11" xfId="0" applyBorder="1" applyAlignment="1" applyProtection="1">
      <alignment horizontal="center" vertical="center" shrinkToFit="1"/>
      <protection locked="0"/>
    </xf>
    <xf numFmtId="0" fontId="0" fillId="0" borderId="12" xfId="0" applyBorder="1" applyAlignment="1" applyProtection="1">
      <alignment horizontal="center" vertical="center" shrinkToFit="1"/>
      <protection locked="0"/>
    </xf>
    <xf numFmtId="0" fontId="0" fillId="0" borderId="40" xfId="0" applyBorder="1" applyAlignment="1" applyProtection="1">
      <alignment horizontal="center" vertical="center" shrinkToFit="1"/>
      <protection locked="0"/>
    </xf>
    <xf numFmtId="0" fontId="0" fillId="0" borderId="39" xfId="0" applyBorder="1" applyAlignment="1" applyProtection="1">
      <alignment horizontal="center" vertical="center" shrinkToFit="1"/>
      <protection locked="0"/>
    </xf>
    <xf numFmtId="0" fontId="5" fillId="0" borderId="23" xfId="0" applyFont="1" applyBorder="1" applyAlignment="1" applyProtection="1">
      <alignment horizontal="center" vertical="center"/>
      <protection locked="0"/>
    </xf>
    <xf numFmtId="176" fontId="0" fillId="0" borderId="11" xfId="0" applyNumberFormat="1" applyBorder="1" applyAlignment="1" applyProtection="1">
      <alignment horizontal="center" vertical="center"/>
      <protection locked="0"/>
    </xf>
    <xf numFmtId="176" fontId="0" fillId="0" borderId="12" xfId="0" applyNumberFormat="1" applyBorder="1" applyAlignment="1" applyProtection="1">
      <alignment horizontal="center" vertical="center"/>
      <protection locked="0"/>
    </xf>
    <xf numFmtId="176" fontId="0" fillId="0" borderId="40" xfId="0" applyNumberFormat="1" applyBorder="1" applyAlignment="1" applyProtection="1">
      <alignment horizontal="center" vertical="center"/>
      <protection locked="0"/>
    </xf>
    <xf numFmtId="176" fontId="0" fillId="0" borderId="39" xfId="0" applyNumberFormat="1" applyBorder="1" applyAlignment="1" applyProtection="1">
      <alignment horizontal="center" vertical="center"/>
      <protection locked="0"/>
    </xf>
    <xf numFmtId="0" fontId="0" fillId="0" borderId="0" xfId="0" applyAlignment="1" applyProtection="1">
      <alignment horizontal="center" vertical="center"/>
      <protection locked="0"/>
    </xf>
    <xf numFmtId="0" fontId="5" fillId="3" borderId="24" xfId="0" applyFont="1" applyFill="1" applyBorder="1" applyAlignment="1" applyProtection="1">
      <alignment horizontal="center" vertical="center"/>
    </xf>
    <xf numFmtId="0" fontId="4" fillId="3" borderId="25" xfId="0" applyFont="1" applyFill="1" applyBorder="1" applyAlignment="1" applyProtection="1">
      <alignment horizontal="center" vertical="center"/>
    </xf>
    <xf numFmtId="0" fontId="0" fillId="3" borderId="11" xfId="0" applyFill="1" applyBorder="1" applyAlignment="1" applyProtection="1">
      <alignment horizontal="center" vertical="center"/>
    </xf>
    <xf numFmtId="0" fontId="0" fillId="3" borderId="12" xfId="0" applyFill="1" applyBorder="1" applyAlignment="1" applyProtection="1">
      <alignment horizontal="center" vertical="center"/>
    </xf>
    <xf numFmtId="0" fontId="0" fillId="3" borderId="128" xfId="0" applyFill="1" applyBorder="1" applyAlignment="1" applyProtection="1">
      <alignment horizontal="center" vertical="center"/>
    </xf>
    <xf numFmtId="0" fontId="0" fillId="3" borderId="129" xfId="0" applyFill="1" applyBorder="1" applyAlignment="1" applyProtection="1">
      <alignment horizontal="center" vertical="center"/>
    </xf>
    <xf numFmtId="0" fontId="4" fillId="3" borderId="72" xfId="0" applyFont="1" applyFill="1" applyBorder="1" applyAlignment="1" applyProtection="1">
      <alignment horizontal="center" vertical="center"/>
    </xf>
    <xf numFmtId="0" fontId="0" fillId="3" borderId="0" xfId="0" applyFill="1" applyAlignment="1" applyProtection="1">
      <alignment horizontal="center" vertical="center"/>
    </xf>
    <xf numFmtId="0" fontId="0" fillId="3" borderId="87" xfId="0" applyFill="1" applyBorder="1" applyAlignment="1" applyProtection="1">
      <alignment horizontal="center" vertical="center"/>
    </xf>
    <xf numFmtId="0" fontId="5" fillId="3" borderId="23" xfId="0" applyFont="1" applyFill="1" applyBorder="1" applyAlignment="1" applyProtection="1">
      <alignment horizontal="center" vertical="center"/>
    </xf>
    <xf numFmtId="0" fontId="0" fillId="3" borderId="130" xfId="0" applyFill="1" applyBorder="1" applyAlignment="1" applyProtection="1">
      <alignment horizontal="center" vertical="center"/>
    </xf>
    <xf numFmtId="0" fontId="5" fillId="3" borderId="11" xfId="0" applyFont="1" applyFill="1" applyBorder="1" applyAlignment="1" applyProtection="1">
      <alignment horizontal="center" vertical="center" shrinkToFit="1"/>
    </xf>
    <xf numFmtId="0" fontId="4" fillId="3" borderId="12" xfId="0" applyFont="1" applyFill="1" applyBorder="1" applyAlignment="1" applyProtection="1">
      <alignment horizontal="center" vertical="center" shrinkToFit="1"/>
    </xf>
    <xf numFmtId="0" fontId="0" fillId="3" borderId="11" xfId="0" applyFill="1" applyBorder="1" applyAlignment="1" applyProtection="1">
      <alignment horizontal="center" vertical="center" shrinkToFit="1"/>
    </xf>
    <xf numFmtId="0" fontId="0" fillId="3" borderId="12" xfId="0" applyFill="1" applyBorder="1" applyAlignment="1" applyProtection="1">
      <alignment horizontal="center" vertical="center" shrinkToFit="1"/>
    </xf>
    <xf numFmtId="0" fontId="0" fillId="3" borderId="40" xfId="0" applyFill="1" applyBorder="1" applyAlignment="1" applyProtection="1">
      <alignment horizontal="center" vertical="center" shrinkToFit="1"/>
    </xf>
    <xf numFmtId="0" fontId="0" fillId="3" borderId="39" xfId="0" applyFill="1" applyBorder="1" applyAlignment="1" applyProtection="1">
      <alignment horizontal="center" vertical="center" shrinkToFit="1"/>
    </xf>
    <xf numFmtId="0" fontId="5" fillId="3" borderId="134" xfId="0" applyFont="1" applyFill="1" applyBorder="1" applyAlignment="1" applyProtection="1">
      <alignment horizontal="center" vertical="center"/>
    </xf>
    <xf numFmtId="0" fontId="5" fillId="3" borderId="88" xfId="0" applyFont="1" applyFill="1" applyBorder="1" applyAlignment="1" applyProtection="1">
      <alignment horizontal="center" vertical="center"/>
    </xf>
    <xf numFmtId="0" fontId="0" fillId="3" borderId="119" xfId="0" applyFill="1" applyBorder="1" applyAlignment="1" applyProtection="1">
      <alignment horizontal="center" vertical="center"/>
    </xf>
    <xf numFmtId="0" fontId="0" fillId="3" borderId="94" xfId="0" applyFill="1" applyBorder="1" applyAlignment="1" applyProtection="1">
      <alignment horizontal="center" vertical="center"/>
    </xf>
    <xf numFmtId="0" fontId="5" fillId="3" borderId="89" xfId="0" applyFont="1" applyFill="1" applyBorder="1" applyAlignment="1" applyProtection="1">
      <alignment horizontal="center" vertical="center"/>
    </xf>
    <xf numFmtId="0" fontId="0" fillId="3" borderId="120" xfId="0" applyFill="1" applyBorder="1" applyAlignment="1" applyProtection="1">
      <alignment horizontal="center" vertical="center"/>
    </xf>
    <xf numFmtId="0" fontId="0" fillId="3" borderId="95" xfId="0" applyFill="1" applyBorder="1" applyAlignment="1" applyProtection="1">
      <alignment horizontal="center" vertical="center"/>
    </xf>
    <xf numFmtId="0" fontId="5" fillId="3" borderId="90" xfId="0" applyFont="1" applyFill="1" applyBorder="1" applyAlignment="1" applyProtection="1">
      <alignment horizontal="center" vertical="center"/>
    </xf>
    <xf numFmtId="0" fontId="0" fillId="3" borderId="121" xfId="0" applyFill="1" applyBorder="1" applyAlignment="1" applyProtection="1">
      <alignment horizontal="center" vertical="center"/>
    </xf>
    <xf numFmtId="0" fontId="0" fillId="3" borderId="96" xfId="0" applyFill="1" applyBorder="1" applyAlignment="1" applyProtection="1">
      <alignment horizontal="center" vertical="center"/>
    </xf>
    <xf numFmtId="0" fontId="5" fillId="3" borderId="135" xfId="0" applyFont="1" applyFill="1" applyBorder="1" applyAlignment="1" applyProtection="1">
      <alignment horizontal="center" vertical="center"/>
    </xf>
    <xf numFmtId="0" fontId="4" fillId="3" borderId="136" xfId="0" applyFont="1" applyFill="1" applyBorder="1" applyAlignment="1" applyProtection="1">
      <alignment horizontal="center" vertical="center"/>
    </xf>
    <xf numFmtId="0" fontId="0" fillId="3" borderId="40" xfId="0" applyFill="1" applyBorder="1" applyAlignment="1" applyProtection="1">
      <alignment horizontal="center" vertical="center"/>
    </xf>
    <xf numFmtId="0" fontId="0" fillId="3" borderId="39" xfId="0" applyFill="1" applyBorder="1" applyAlignment="1" applyProtection="1">
      <alignment horizontal="center" vertical="center"/>
    </xf>
    <xf numFmtId="176" fontId="5" fillId="3" borderId="135" xfId="0" applyNumberFormat="1" applyFont="1" applyFill="1" applyBorder="1" applyAlignment="1" applyProtection="1">
      <alignment horizontal="center" vertical="center"/>
    </xf>
    <xf numFmtId="176" fontId="4" fillId="3" borderId="137" xfId="0" applyNumberFormat="1" applyFont="1" applyFill="1" applyBorder="1" applyAlignment="1" applyProtection="1">
      <alignment horizontal="center" vertical="center"/>
    </xf>
    <xf numFmtId="176" fontId="4" fillId="3" borderId="136" xfId="0" applyNumberFormat="1" applyFont="1" applyFill="1" applyBorder="1" applyAlignment="1" applyProtection="1">
      <alignment horizontal="center" vertical="center"/>
    </xf>
    <xf numFmtId="0" fontId="0" fillId="3" borderId="6" xfId="0" applyFill="1" applyBorder="1" applyAlignment="1" applyProtection="1">
      <alignment horizontal="center" vertical="center"/>
    </xf>
    <xf numFmtId="0" fontId="5" fillId="3" borderId="24" xfId="0" applyFont="1" applyFill="1" applyBorder="1" applyAlignment="1" applyProtection="1">
      <alignment horizontal="center" vertical="center" shrinkToFit="1"/>
    </xf>
    <xf numFmtId="0" fontId="4" fillId="3" borderId="25" xfId="0" applyFont="1" applyFill="1" applyBorder="1" applyAlignment="1" applyProtection="1">
      <alignment horizontal="center" vertical="center" shrinkToFit="1"/>
    </xf>
    <xf numFmtId="0" fontId="0" fillId="3" borderId="128" xfId="0" applyFill="1" applyBorder="1" applyAlignment="1" applyProtection="1">
      <alignment horizontal="center" vertical="center" shrinkToFit="1"/>
    </xf>
    <xf numFmtId="0" fontId="0" fillId="3" borderId="129" xfId="0" applyFill="1" applyBorder="1" applyAlignment="1" applyProtection="1">
      <alignment horizontal="center" vertical="center" shrinkToFit="1"/>
    </xf>
    <xf numFmtId="0" fontId="5" fillId="3" borderId="112" xfId="0" applyFont="1" applyFill="1" applyBorder="1" applyAlignment="1" applyProtection="1">
      <alignment horizontal="center" vertical="center"/>
    </xf>
    <xf numFmtId="0" fontId="0" fillId="3" borderId="131" xfId="0" applyFill="1" applyBorder="1" applyAlignment="1" applyProtection="1">
      <alignment horizontal="center" vertical="center"/>
    </xf>
    <xf numFmtId="0" fontId="5" fillId="3" borderId="113" xfId="0" applyFont="1" applyFill="1" applyBorder="1" applyAlignment="1" applyProtection="1">
      <alignment horizontal="center" vertical="center"/>
    </xf>
    <xf numFmtId="0" fontId="0" fillId="3" borderId="132" xfId="0" applyFill="1" applyBorder="1" applyAlignment="1" applyProtection="1">
      <alignment horizontal="center" vertical="center"/>
    </xf>
    <xf numFmtId="0" fontId="5" fillId="3" borderId="114" xfId="0" applyFont="1" applyFill="1" applyBorder="1" applyAlignment="1" applyProtection="1">
      <alignment horizontal="center" vertical="center"/>
    </xf>
    <xf numFmtId="0" fontId="0" fillId="3" borderId="133" xfId="0" applyFill="1" applyBorder="1" applyAlignment="1" applyProtection="1">
      <alignment horizontal="center" vertical="center"/>
    </xf>
    <xf numFmtId="0" fontId="4" fillId="0" borderId="0" xfId="0" applyFont="1" applyBorder="1" applyAlignment="1" applyProtection="1">
      <alignment horizontal="center" vertical="center"/>
    </xf>
    <xf numFmtId="0" fontId="0" fillId="0" borderId="40" xfId="0" applyBorder="1" applyAlignment="1" applyProtection="1">
      <alignment horizontal="center" vertical="center"/>
    </xf>
    <xf numFmtId="0" fontId="0" fillId="0" borderId="6" xfId="0" applyBorder="1" applyAlignment="1" applyProtection="1">
      <alignment horizontal="center" vertical="center"/>
    </xf>
    <xf numFmtId="0" fontId="0" fillId="0" borderId="39" xfId="0" applyBorder="1" applyAlignment="1" applyProtection="1">
      <alignment horizontal="center" vertical="center"/>
    </xf>
    <xf numFmtId="0" fontId="9" fillId="0" borderId="16" xfId="2" quotePrefix="1" applyFont="1" applyBorder="1" applyAlignment="1">
      <alignment horizontal="center" textRotation="180"/>
    </xf>
    <xf numFmtId="0" fontId="7" fillId="0" borderId="43" xfId="2" applyFont="1" applyBorder="1" applyAlignment="1">
      <alignment horizontal="center" vertical="center"/>
    </xf>
    <xf numFmtId="0" fontId="7" fillId="0" borderId="42" xfId="2" applyFont="1" applyBorder="1" applyAlignment="1">
      <alignment horizontal="center" vertical="center"/>
    </xf>
    <xf numFmtId="0" fontId="7" fillId="0" borderId="41" xfId="2" applyFont="1" applyBorder="1" applyAlignment="1">
      <alignment horizontal="center" vertical="center"/>
    </xf>
    <xf numFmtId="0" fontId="7" fillId="0" borderId="13" xfId="2" applyFont="1" applyBorder="1" applyAlignment="1">
      <alignment horizontal="center" vertical="center"/>
    </xf>
    <xf numFmtId="0" fontId="7" fillId="0" borderId="14" xfId="2" applyFont="1" applyBorder="1" applyAlignment="1">
      <alignment horizontal="center" vertical="center"/>
    </xf>
    <xf numFmtId="0" fontId="7" fillId="0" borderId="15" xfId="2" applyFont="1" applyBorder="1" applyAlignment="1">
      <alignment horizontal="center" vertical="center"/>
    </xf>
    <xf numFmtId="0" fontId="7" fillId="0" borderId="36" xfId="2" applyFont="1" applyBorder="1" applyAlignment="1">
      <alignment horizontal="left" vertical="center"/>
    </xf>
    <xf numFmtId="0" fontId="7" fillId="0" borderId="27" xfId="2" applyFont="1" applyBorder="1" applyAlignment="1">
      <alignment horizontal="left" vertical="center"/>
    </xf>
    <xf numFmtId="0" fontId="7" fillId="0" borderId="37" xfId="2" applyFont="1" applyBorder="1" applyAlignment="1">
      <alignment horizontal="left" vertical="center"/>
    </xf>
    <xf numFmtId="0" fontId="7" fillId="0" borderId="7" xfId="2" applyFont="1" applyBorder="1" applyAlignment="1">
      <alignment horizontal="left" vertical="center"/>
    </xf>
    <xf numFmtId="0" fontId="7" fillId="0" borderId="24" xfId="2" applyFont="1" applyBorder="1" applyAlignment="1">
      <alignment horizontal="center" vertical="center"/>
    </xf>
    <xf numFmtId="0" fontId="7" fillId="0" borderId="72" xfId="2" applyFont="1" applyBorder="1" applyAlignment="1">
      <alignment horizontal="center" vertical="center"/>
    </xf>
    <xf numFmtId="0" fontId="10" fillId="0" borderId="0" xfId="2" applyFont="1" applyAlignment="1">
      <alignment horizontal="center"/>
    </xf>
    <xf numFmtId="0" fontId="7" fillId="0" borderId="37" xfId="2" applyFont="1" applyBorder="1" applyAlignment="1">
      <alignment horizontal="center" vertical="center"/>
    </xf>
    <xf numFmtId="0" fontId="7" fillId="0" borderId="7" xfId="2" applyFont="1" applyBorder="1" applyAlignment="1">
      <alignment horizontal="center" vertical="center"/>
    </xf>
    <xf numFmtId="0" fontId="7" fillId="0" borderId="45" xfId="2" applyFont="1" applyBorder="1" applyAlignment="1">
      <alignment horizontal="center" vertical="center"/>
    </xf>
    <xf numFmtId="0" fontId="7" fillId="0" borderId="32" xfId="2" applyFont="1" applyBorder="1" applyAlignment="1">
      <alignment horizontal="center" vertical="center"/>
    </xf>
    <xf numFmtId="0" fontId="7" fillId="0" borderId="31" xfId="2" applyFont="1" applyBorder="1" applyAlignment="1">
      <alignment horizontal="center" vertical="center"/>
    </xf>
    <xf numFmtId="0" fontId="7" fillId="0" borderId="36" xfId="2" applyFont="1" applyBorder="1" applyAlignment="1">
      <alignment horizontal="center" vertical="center"/>
    </xf>
    <xf numFmtId="0" fontId="7" fillId="0" borderId="27" xfId="2" applyFont="1" applyBorder="1" applyAlignment="1">
      <alignment horizontal="center" vertical="center"/>
    </xf>
    <xf numFmtId="0" fontId="7" fillId="0" borderId="28" xfId="2" applyFont="1" applyBorder="1" applyAlignment="1">
      <alignment horizontal="center" vertical="center"/>
    </xf>
    <xf numFmtId="0" fontId="7" fillId="0" borderId="30" xfId="2" applyFont="1" applyBorder="1" applyAlignment="1">
      <alignment horizontal="center" vertical="center"/>
    </xf>
    <xf numFmtId="0" fontId="7" fillId="0" borderId="47" xfId="2" applyFont="1" applyBorder="1" applyAlignment="1">
      <alignment horizontal="center" vertical="center"/>
    </xf>
    <xf numFmtId="0" fontId="7" fillId="0" borderId="17" xfId="2" applyFont="1" applyBorder="1" applyAlignment="1">
      <alignment horizontal="center" vertical="center"/>
    </xf>
    <xf numFmtId="0" fontId="8" fillId="0" borderId="22" xfId="2" applyFont="1" applyBorder="1" applyAlignment="1">
      <alignment horizontal="center" vertical="center" wrapText="1"/>
    </xf>
    <xf numFmtId="0" fontId="8" fillId="0" borderId="55" xfId="2" applyFont="1" applyBorder="1" applyAlignment="1">
      <alignment horizontal="center" vertical="center" wrapText="1"/>
    </xf>
    <xf numFmtId="0" fontId="7" fillId="0" borderId="29" xfId="2" applyFont="1" applyBorder="1" applyAlignment="1">
      <alignment horizontal="center" vertical="center"/>
    </xf>
    <xf numFmtId="0" fontId="7" fillId="0" borderId="23" xfId="2" applyFont="1" applyBorder="1" applyAlignment="1">
      <alignment horizontal="center" vertical="center" wrapText="1"/>
    </xf>
    <xf numFmtId="0" fontId="7" fillId="0" borderId="9" xfId="2" applyFont="1" applyBorder="1" applyAlignment="1">
      <alignment horizontal="center" vertical="center" wrapText="1"/>
    </xf>
    <xf numFmtId="0" fontId="7" fillId="0" borderId="64" xfId="2" applyFont="1" applyBorder="1" applyAlignment="1">
      <alignment horizontal="center" vertical="center"/>
    </xf>
    <xf numFmtId="0" fontId="7" fillId="0" borderId="67" xfId="2" applyFont="1" applyBorder="1" applyAlignment="1">
      <alignment horizontal="center" vertical="center"/>
    </xf>
    <xf numFmtId="0" fontId="7" fillId="0" borderId="48" xfId="2" applyFont="1" applyBorder="1" applyAlignment="1">
      <alignment horizontal="center" vertical="center"/>
    </xf>
    <xf numFmtId="0" fontId="7" fillId="0" borderId="69" xfId="2" applyFont="1" applyBorder="1" applyAlignment="1">
      <alignment horizontal="left" vertical="center" wrapText="1"/>
    </xf>
    <xf numFmtId="0" fontId="7" fillId="0" borderId="59" xfId="2" applyBorder="1" applyAlignment="1">
      <alignment horizontal="left" wrapText="1"/>
    </xf>
    <xf numFmtId="0" fontId="7" fillId="0" borderId="55" xfId="2" applyBorder="1" applyAlignment="1">
      <alignment horizontal="left" wrapText="1"/>
    </xf>
    <xf numFmtId="0" fontId="6" fillId="0" borderId="16" xfId="2" quotePrefix="1" applyFont="1" applyBorder="1" applyAlignment="1">
      <alignment horizontal="left" vertical="center" textRotation="180"/>
    </xf>
    <xf numFmtId="0" fontId="7" fillId="0" borderId="16" xfId="2" applyBorder="1" applyAlignment="1">
      <alignment horizontal="left" vertical="center" textRotation="180"/>
    </xf>
    <xf numFmtId="0" fontId="7" fillId="0" borderId="48" xfId="2" applyBorder="1" applyAlignment="1">
      <alignment horizontal="center" vertical="center"/>
    </xf>
    <xf numFmtId="0" fontId="7" fillId="0" borderId="7" xfId="2" applyBorder="1" applyAlignment="1">
      <alignment horizontal="center" vertical="center"/>
    </xf>
    <xf numFmtId="0" fontId="11" fillId="0" borderId="0" xfId="2" applyFont="1" applyAlignment="1">
      <alignment horizontal="center"/>
    </xf>
    <xf numFmtId="0" fontId="7" fillId="0" borderId="36" xfId="2" applyBorder="1" applyAlignment="1">
      <alignment horizontal="center" vertical="center"/>
    </xf>
    <xf numFmtId="0" fontId="7" fillId="0" borderId="27" xfId="2" applyBorder="1" applyAlignment="1">
      <alignment horizontal="center" vertical="center"/>
    </xf>
    <xf numFmtId="0" fontId="7" fillId="0" borderId="83" xfId="2" applyBorder="1" applyAlignment="1">
      <alignment horizontal="center" vertical="center"/>
    </xf>
    <xf numFmtId="0" fontId="7" fillId="0" borderId="37" xfId="2" applyBorder="1" applyAlignment="1">
      <alignment horizontal="center" vertical="center"/>
    </xf>
    <xf numFmtId="0" fontId="7" fillId="0" borderId="45" xfId="2" applyBorder="1" applyAlignment="1">
      <alignment horizontal="center" vertical="center"/>
    </xf>
    <xf numFmtId="0" fontId="7" fillId="0" borderId="80" xfId="2" applyBorder="1" applyAlignment="1">
      <alignment horizontal="center" vertical="center"/>
    </xf>
    <xf numFmtId="0" fontId="7" fillId="0" borderId="18" xfId="2" applyBorder="1" applyAlignment="1">
      <alignment horizontal="left" vertical="center"/>
    </xf>
    <xf numFmtId="0" fontId="7" fillId="0" borderId="82" xfId="2" applyBorder="1" applyAlignment="1">
      <alignment horizontal="left" vertical="center"/>
    </xf>
    <xf numFmtId="0" fontId="7" fillId="0" borderId="26" xfId="2" applyBorder="1" applyAlignment="1">
      <alignment horizontal="center" vertical="center"/>
    </xf>
    <xf numFmtId="0" fontId="7" fillId="0" borderId="29" xfId="2" applyBorder="1" applyAlignment="1">
      <alignment horizontal="center" vertical="center"/>
    </xf>
    <xf numFmtId="0" fontId="7" fillId="0" borderId="79" xfId="2" applyBorder="1" applyAlignment="1">
      <alignment horizontal="center" vertical="center"/>
    </xf>
    <xf numFmtId="0" fontId="6" fillId="0" borderId="16" xfId="2" quotePrefix="1" applyFont="1" applyBorder="1" applyAlignment="1">
      <alignment horizontal="center" vertical="center" textRotation="180"/>
    </xf>
    <xf numFmtId="0" fontId="7" fillId="0" borderId="16" xfId="2" applyBorder="1" applyAlignment="1">
      <alignment horizontal="center" vertical="center" textRotation="180"/>
    </xf>
    <xf numFmtId="0" fontId="7" fillId="0" borderId="72" xfId="2" applyBorder="1" applyAlignment="1">
      <alignment horizontal="distributed" vertical="center"/>
    </xf>
    <xf numFmtId="0" fontId="7" fillId="0" borderId="6" xfId="2" applyBorder="1" applyAlignment="1">
      <alignment horizontal="distributed" vertical="center"/>
    </xf>
    <xf numFmtId="0" fontId="7" fillId="0" borderId="48" xfId="2" applyBorder="1" applyAlignment="1">
      <alignment horizontal="right" vertical="center" shrinkToFit="1"/>
    </xf>
    <xf numFmtId="0" fontId="7" fillId="0" borderId="45" xfId="2" applyBorder="1" applyAlignment="1">
      <alignment horizontal="right" vertical="center" shrinkToFit="1"/>
    </xf>
    <xf numFmtId="0" fontId="7" fillId="0" borderId="0" xfId="2" applyBorder="1" applyAlignment="1">
      <alignment horizontal="distributed" vertical="center"/>
    </xf>
    <xf numFmtId="0" fontId="7" fillId="0" borderId="42" xfId="2" applyBorder="1" applyAlignment="1">
      <alignment horizontal="distributed" vertical="center"/>
    </xf>
    <xf numFmtId="0" fontId="7" fillId="0" borderId="42" xfId="2" applyBorder="1" applyAlignment="1">
      <alignment horizontal="center" vertical="center"/>
    </xf>
    <xf numFmtId="0" fontId="7" fillId="0" borderId="0" xfId="2" applyBorder="1" applyAlignment="1">
      <alignment horizontal="center" vertical="center"/>
    </xf>
    <xf numFmtId="0" fontId="7" fillId="0" borderId="6" xfId="2" applyBorder="1" applyAlignment="1">
      <alignment horizontal="center" vertical="center"/>
    </xf>
    <xf numFmtId="0" fontId="7" fillId="0" borderId="23" xfId="2" applyBorder="1" applyAlignment="1">
      <alignment horizontal="center" vertical="center"/>
    </xf>
    <xf numFmtId="0" fontId="7" fillId="0" borderId="58" xfId="2" applyBorder="1" applyAlignment="1">
      <alignment horizontal="center" vertical="center"/>
    </xf>
    <xf numFmtId="0" fontId="7" fillId="0" borderId="9" xfId="2" applyBorder="1" applyAlignment="1">
      <alignment horizontal="center" vertical="center"/>
    </xf>
    <xf numFmtId="0" fontId="7" fillId="0" borderId="78" xfId="2" applyBorder="1" applyAlignment="1">
      <alignment horizontal="center" vertical="center"/>
    </xf>
    <xf numFmtId="0" fontId="7" fillId="0" borderId="59" xfId="2" applyBorder="1" applyAlignment="1">
      <alignment horizontal="center" vertical="center"/>
    </xf>
    <xf numFmtId="0" fontId="7" fillId="0" borderId="55" xfId="2" applyBorder="1" applyAlignment="1">
      <alignment horizontal="center" vertical="center"/>
    </xf>
    <xf numFmtId="0" fontId="7" fillId="0" borderId="22" xfId="2" applyBorder="1" applyAlignment="1">
      <alignment horizontal="center" vertical="center"/>
    </xf>
    <xf numFmtId="0" fontId="7" fillId="0" borderId="38" xfId="2" applyBorder="1" applyAlignment="1">
      <alignment horizontal="center" vertical="center"/>
    </xf>
    <xf numFmtId="0" fontId="7" fillId="0" borderId="81" xfId="2" applyBorder="1" applyAlignment="1">
      <alignment horizontal="center" vertical="center"/>
    </xf>
    <xf numFmtId="0" fontId="7" fillId="0" borderId="14" xfId="2" applyBorder="1" applyAlignment="1">
      <alignment horizontal="distributed" vertical="center"/>
    </xf>
    <xf numFmtId="0" fontId="7" fillId="0" borderId="52" xfId="2" applyBorder="1" applyAlignment="1">
      <alignment horizontal="center" vertical="center"/>
    </xf>
    <xf numFmtId="0" fontId="7" fillId="0" borderId="34" xfId="2" applyBorder="1" applyAlignment="1">
      <alignment horizontal="center" vertical="center"/>
    </xf>
    <xf numFmtId="0" fontId="7" fillId="0" borderId="35" xfId="2" applyBorder="1" applyAlignment="1">
      <alignment horizontal="center" vertical="center"/>
    </xf>
    <xf numFmtId="0" fontId="7" fillId="0" borderId="77" xfId="2" applyBorder="1" applyAlignment="1">
      <alignment horizontal="center" vertical="center"/>
    </xf>
    <xf numFmtId="0" fontId="7" fillId="0" borderId="33" xfId="2" applyBorder="1" applyAlignment="1">
      <alignment horizontal="center" vertical="center"/>
    </xf>
    <xf numFmtId="0" fontId="7" fillId="0" borderId="46" xfId="2" applyBorder="1" applyAlignment="1">
      <alignment horizontal="center" vertical="center"/>
    </xf>
    <xf numFmtId="0" fontId="7" fillId="0" borderId="17" xfId="2" applyBorder="1" applyAlignment="1">
      <alignment horizontal="center" vertical="center"/>
    </xf>
    <xf numFmtId="0" fontId="7" fillId="0" borderId="12" xfId="2" applyBorder="1" applyAlignment="1">
      <alignment horizontal="center" vertical="center"/>
    </xf>
    <xf numFmtId="0" fontId="7" fillId="0" borderId="17" xfId="2" applyFont="1" applyBorder="1" applyAlignment="1">
      <alignment horizontal="center"/>
    </xf>
    <xf numFmtId="0" fontId="7" fillId="0" borderId="12" xfId="2" applyFont="1" applyBorder="1" applyAlignment="1">
      <alignment horizontal="center"/>
    </xf>
    <xf numFmtId="0" fontId="7" fillId="0" borderId="47" xfId="2" applyFont="1" applyBorder="1" applyAlignment="1">
      <alignment horizontal="center"/>
    </xf>
    <xf numFmtId="0" fontId="7" fillId="0" borderId="41" xfId="2" applyFont="1" applyBorder="1" applyAlignment="1">
      <alignment horizontal="center"/>
    </xf>
    <xf numFmtId="0" fontId="15" fillId="0" borderId="0" xfId="2" applyFont="1" applyAlignment="1">
      <alignment horizontal="center" vertical="center"/>
    </xf>
    <xf numFmtId="0" fontId="7" fillId="0" borderId="17" xfId="2" applyFont="1" applyBorder="1" applyAlignment="1">
      <alignment horizontal="center" vertical="top"/>
    </xf>
    <xf numFmtId="0" fontId="7" fillId="0" borderId="12" xfId="2" applyFont="1" applyBorder="1" applyAlignment="1">
      <alignment horizontal="center" vertical="top"/>
    </xf>
    <xf numFmtId="0" fontId="7" fillId="0" borderId="3" xfId="2" applyFont="1" applyBorder="1" applyAlignment="1">
      <alignment horizontal="center" vertical="center"/>
    </xf>
    <xf numFmtId="0" fontId="7" fillId="0" borderId="1" xfId="2" applyFont="1" applyBorder="1" applyAlignment="1">
      <alignment horizontal="center" vertical="center"/>
    </xf>
    <xf numFmtId="0" fontId="7" fillId="0" borderId="2" xfId="2" applyFont="1" applyBorder="1" applyAlignment="1">
      <alignment horizontal="center" vertical="center"/>
    </xf>
    <xf numFmtId="0" fontId="7" fillId="0" borderId="78" xfId="2" applyFont="1" applyBorder="1" applyAlignment="1">
      <alignment horizontal="center" vertical="center"/>
    </xf>
    <xf numFmtId="0" fontId="7" fillId="0" borderId="59" xfId="2" applyFont="1" applyBorder="1" applyAlignment="1">
      <alignment horizontal="center" vertical="center"/>
    </xf>
    <xf numFmtId="0" fontId="7" fillId="0" borderId="77" xfId="2" applyFont="1" applyBorder="1" applyAlignment="1">
      <alignment horizontal="center" vertical="center"/>
    </xf>
    <xf numFmtId="0" fontId="7" fillId="0" borderId="58" xfId="2" applyFont="1" applyBorder="1" applyAlignment="1">
      <alignment horizontal="center" vertical="center"/>
    </xf>
    <xf numFmtId="0" fontId="7" fillId="0" borderId="33" xfId="2" applyFont="1" applyBorder="1" applyAlignment="1">
      <alignment horizontal="center" vertical="center"/>
    </xf>
    <xf numFmtId="0" fontId="7" fillId="0" borderId="34" xfId="2" applyFont="1" applyBorder="1" applyAlignment="1">
      <alignment horizontal="center" vertical="center"/>
    </xf>
    <xf numFmtId="0" fontId="7" fillId="0" borderId="84" xfId="2" applyFont="1" applyBorder="1" applyAlignment="1">
      <alignment horizontal="center" vertical="center"/>
    </xf>
    <xf numFmtId="0" fontId="7" fillId="0" borderId="18" xfId="2" applyFont="1" applyBorder="1" applyAlignment="1">
      <alignment horizontal="center" vertical="center"/>
    </xf>
    <xf numFmtId="0" fontId="7" fillId="0" borderId="82" xfId="2" applyFont="1" applyBorder="1" applyAlignment="1">
      <alignment horizontal="center" vertical="center"/>
    </xf>
    <xf numFmtId="0" fontId="7" fillId="0" borderId="12" xfId="2" applyFont="1" applyBorder="1" applyAlignment="1">
      <alignment horizontal="center" vertical="center"/>
    </xf>
    <xf numFmtId="0" fontId="7" fillId="0" borderId="64" xfId="2" applyFont="1" applyBorder="1" applyAlignment="1">
      <alignment horizontal="distributed" vertical="center"/>
    </xf>
    <xf numFmtId="0" fontId="7" fillId="0" borderId="67" xfId="2" applyFont="1" applyBorder="1" applyAlignment="1">
      <alignment horizontal="distributed" vertical="center"/>
    </xf>
    <xf numFmtId="0" fontId="7" fillId="0" borderId="24" xfId="2" applyFont="1" applyBorder="1" applyAlignment="1">
      <alignment horizontal="distributed" vertical="center"/>
    </xf>
    <xf numFmtId="0" fontId="7" fillId="0" borderId="13" xfId="2" applyFont="1" applyBorder="1" applyAlignment="1">
      <alignment horizontal="distributed" vertical="center"/>
    </xf>
    <xf numFmtId="0" fontId="7" fillId="0" borderId="0" xfId="2" applyFont="1" applyBorder="1" applyAlignment="1">
      <alignment horizontal="center" vertical="center"/>
    </xf>
    <xf numFmtId="0" fontId="7" fillId="0" borderId="11" xfId="2" applyFont="1" applyBorder="1" applyAlignment="1">
      <alignment horizontal="center" vertical="center"/>
    </xf>
    <xf numFmtId="0" fontId="7" fillId="0" borderId="37" xfId="2" applyFont="1" applyBorder="1" applyAlignment="1">
      <alignment horizontal="distributed" vertical="center"/>
    </xf>
    <xf numFmtId="0" fontId="7" fillId="0" borderId="7" xfId="2" applyFont="1" applyBorder="1" applyAlignment="1">
      <alignment horizontal="distributed" vertical="center"/>
    </xf>
    <xf numFmtId="0" fontId="7" fillId="0" borderId="36" xfId="2" applyFont="1" applyBorder="1" applyAlignment="1">
      <alignment horizontal="distributed" vertical="center"/>
    </xf>
    <xf numFmtId="0" fontId="7" fillId="0" borderId="27" xfId="2" applyFont="1" applyBorder="1" applyAlignment="1">
      <alignment horizontal="distributed" vertical="center"/>
    </xf>
    <xf numFmtId="0" fontId="7" fillId="0" borderId="35" xfId="2" applyFont="1" applyBorder="1" applyAlignment="1">
      <alignment horizontal="center" vertical="center"/>
    </xf>
    <xf numFmtId="0" fontId="7" fillId="0" borderId="11" xfId="2" applyFont="1" applyBorder="1" applyAlignment="1">
      <alignment horizontal="distributed" vertical="center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 /><Relationship Id="rId13" Type="http://schemas.openxmlformats.org/officeDocument/2006/relationships/sharedStrings" Target="sharedStrings.xml" /><Relationship Id="rId3" Type="http://schemas.openxmlformats.org/officeDocument/2006/relationships/worksheet" Target="worksheets/sheet3.xml" /><Relationship Id="rId7" Type="http://schemas.openxmlformats.org/officeDocument/2006/relationships/worksheet" Target="worksheets/sheet7.xml" /><Relationship Id="rId12" Type="http://schemas.openxmlformats.org/officeDocument/2006/relationships/styles" Target="styles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6" Type="http://schemas.openxmlformats.org/officeDocument/2006/relationships/worksheet" Target="worksheets/sheet6.xml" /><Relationship Id="rId11" Type="http://schemas.openxmlformats.org/officeDocument/2006/relationships/theme" Target="theme/theme1.xml" /><Relationship Id="rId5" Type="http://schemas.openxmlformats.org/officeDocument/2006/relationships/worksheet" Target="worksheets/sheet5.xml" /><Relationship Id="rId10" Type="http://schemas.openxmlformats.org/officeDocument/2006/relationships/worksheet" Target="worksheets/sheet10.xml" /><Relationship Id="rId4" Type="http://schemas.openxmlformats.org/officeDocument/2006/relationships/worksheet" Target="worksheets/sheet4.xml" /><Relationship Id="rId9" Type="http://schemas.openxmlformats.org/officeDocument/2006/relationships/worksheet" Target="worksheets/sheet9.xml" 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620</xdr:colOff>
      <xdr:row>7</xdr:row>
      <xdr:rowOff>0</xdr:rowOff>
    </xdr:from>
    <xdr:to>
      <xdr:col>4</xdr:col>
      <xdr:colOff>0</xdr:colOff>
      <xdr:row>8</xdr:row>
      <xdr:rowOff>0</xdr:rowOff>
    </xdr:to>
    <xdr:sp textlink="">
      <xdr:nvSpPr>
        <xdr:cNvPr id="2" name="Line 1"/>
        <xdr:cNvSpPr>
          <a:spLocks noChangeShapeType="1"/>
        </xdr:cNvSpPr>
      </xdr:nvSpPr>
      <xdr:spPr bwMode="auto">
        <a:xfrm flipH="1" flipV="1">
          <a:off x="624840" y="1173480"/>
          <a:ext cx="1844040" cy="167640"/>
        </a:xfrm>
        <a:prstGeom prst="lin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7620</xdr:colOff>
      <xdr:row>7</xdr:row>
      <xdr:rowOff>7620</xdr:rowOff>
    </xdr:from>
    <xdr:to>
      <xdr:col>4</xdr:col>
      <xdr:colOff>0</xdr:colOff>
      <xdr:row>9</xdr:row>
      <xdr:rowOff>0</xdr:rowOff>
    </xdr:to>
    <xdr:sp textlink="">
      <xdr:nvSpPr>
        <xdr:cNvPr id="3" name="Line 2"/>
        <xdr:cNvSpPr>
          <a:spLocks noChangeShapeType="1"/>
        </xdr:cNvSpPr>
      </xdr:nvSpPr>
      <xdr:spPr bwMode="auto">
        <a:xfrm flipH="1" flipV="1">
          <a:off x="624840" y="1181100"/>
          <a:ext cx="1844040" cy="327660"/>
        </a:xfrm>
        <a:prstGeom prst="lin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0</xdr:colOff>
      <xdr:row>7</xdr:row>
      <xdr:rowOff>7620</xdr:rowOff>
    </xdr:from>
    <xdr:to>
      <xdr:col>3</xdr:col>
      <xdr:colOff>7620</xdr:colOff>
      <xdr:row>10</xdr:row>
      <xdr:rowOff>0</xdr:rowOff>
    </xdr:to>
    <xdr:sp textlink="">
      <xdr:nvSpPr>
        <xdr:cNvPr id="4" name="Line 3"/>
        <xdr:cNvSpPr>
          <a:spLocks noChangeShapeType="1"/>
        </xdr:cNvSpPr>
      </xdr:nvSpPr>
      <xdr:spPr bwMode="auto">
        <a:xfrm flipH="1" flipV="1">
          <a:off x="617220" y="1181100"/>
          <a:ext cx="1242060" cy="495300"/>
        </a:xfrm>
        <a:prstGeom prst="lin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0</xdr:colOff>
      <xdr:row>5</xdr:row>
      <xdr:rowOff>7620</xdr:rowOff>
    </xdr:from>
    <xdr:to>
      <xdr:col>11</xdr:col>
      <xdr:colOff>807720</xdr:colOff>
      <xdr:row>8</xdr:row>
      <xdr:rowOff>0</xdr:rowOff>
    </xdr:to>
    <xdr:sp textlink="">
      <xdr:nvSpPr>
        <xdr:cNvPr id="2" name="Line 1"/>
        <xdr:cNvSpPr>
          <a:spLocks noChangeShapeType="1"/>
        </xdr:cNvSpPr>
      </xdr:nvSpPr>
      <xdr:spPr bwMode="auto">
        <a:xfrm flipH="1" flipV="1">
          <a:off x="6096000" y="845820"/>
          <a:ext cx="1219200" cy="4953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0</xdr:colOff>
      <xdr:row>5</xdr:row>
      <xdr:rowOff>0</xdr:rowOff>
    </xdr:from>
    <xdr:to>
      <xdr:col>2</xdr:col>
      <xdr:colOff>807720</xdr:colOff>
      <xdr:row>8</xdr:row>
      <xdr:rowOff>0</xdr:rowOff>
    </xdr:to>
    <xdr:sp textlink="">
      <xdr:nvSpPr>
        <xdr:cNvPr id="3" name="Line 2"/>
        <xdr:cNvSpPr>
          <a:spLocks noChangeShapeType="1"/>
        </xdr:cNvSpPr>
      </xdr:nvSpPr>
      <xdr:spPr bwMode="auto">
        <a:xfrm flipH="1" flipV="1">
          <a:off x="609600" y="838200"/>
          <a:ext cx="1219200" cy="50292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4</xdr:row>
      <xdr:rowOff>0</xdr:rowOff>
    </xdr:from>
    <xdr:to>
      <xdr:col>4</xdr:col>
      <xdr:colOff>0</xdr:colOff>
      <xdr:row>6</xdr:row>
      <xdr:rowOff>259080</xdr:rowOff>
    </xdr:to>
    <xdr:sp textlink="">
      <xdr:nvSpPr>
        <xdr:cNvPr id="2" name="Line 1"/>
        <xdr:cNvSpPr>
          <a:spLocks noChangeShapeType="1"/>
        </xdr:cNvSpPr>
      </xdr:nvSpPr>
      <xdr:spPr bwMode="auto">
        <a:xfrm flipH="1" flipV="1">
          <a:off x="617220" y="754380"/>
          <a:ext cx="1851660" cy="79248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620</xdr:colOff>
      <xdr:row>4</xdr:row>
      <xdr:rowOff>7620</xdr:rowOff>
    </xdr:from>
    <xdr:to>
      <xdr:col>4</xdr:col>
      <xdr:colOff>0</xdr:colOff>
      <xdr:row>7</xdr:row>
      <xdr:rowOff>0</xdr:rowOff>
    </xdr:to>
    <xdr:sp textlink="">
      <xdr:nvSpPr>
        <xdr:cNvPr id="2" name="Line 1"/>
        <xdr:cNvSpPr>
          <a:spLocks noChangeShapeType="1"/>
        </xdr:cNvSpPr>
      </xdr:nvSpPr>
      <xdr:spPr bwMode="auto">
        <a:xfrm flipH="1" flipV="1">
          <a:off x="624840" y="754380"/>
          <a:ext cx="1844040" cy="79248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&#65279;<?xml version="1.0" encoding="utf-8" standalone="yes"?>
<Relationships xmlns="http://schemas.openxmlformats.org/package/2006/relationships" />
</file>

<file path=xl/worksheets/_rels/sheet10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 /></Relationships>
</file>

<file path=xl/worksheets/_rels/sheet2.xml.rels>&#65279;<?xml version="1.0" encoding="utf-8" standalone="yes"?>
<Relationships xmlns="http://schemas.openxmlformats.org/package/2006/relationships" />
</file>

<file path=xl/worksheets/_rels/sheet3.xml.rels>&#65279;<?xml version="1.0" encoding="utf-8" standalone="yes"?>
<Relationships xmlns="http://schemas.openxmlformats.org/package/2006/relationships" />
</file>

<file path=xl/worksheets/_rels/sheet4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 /></Relationships>
</file>

<file path=xl/worksheets/_rels/sheet5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 /></Relationships>
</file>

<file path=xl/worksheets/_rels/sheet6.xml.rels>&#65279;<?xml version="1.0" encoding="utf-8" standalone="yes"?>
<Relationships xmlns="http://schemas.openxmlformats.org/package/2006/relationships" />
</file>

<file path=xl/worksheets/_rels/sheet7.xml.rels>&#65279;<?xml version="1.0" encoding="utf-8" standalone="yes"?>
<Relationships xmlns="http://schemas.openxmlformats.org/package/2006/relationships" />
</file>

<file path=xl/worksheets/_rels/sheet8.xml.rels>&#65279;<?xml version="1.0" encoding="utf-8" standalone="yes"?>
<Relationships xmlns="http://schemas.openxmlformats.org/package/2006/relationships" />
</file>

<file path=xl/worksheets/_rels/sheet9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1"/>
  <sheetViews>
    <sheetView showGridLines="0" topLeftCell="A22" zoomScale="120" zoomScaleNormal="120" zoomScaleSheetLayoutView="120" workbookViewId="0"/>
  </sheetViews>
  <sheetFormatPr defaultColWidth="8.88671875" defaultRowHeight="14.4" x14ac:dyDescent="0.2"/>
  <cols>
    <col min="1" max="1" width="2.88671875" style="268" customWidth="1"/>
    <col min="2" max="2" width="7" style="268" customWidth="1"/>
    <col min="3" max="3" width="13.109375" style="268" customWidth="1"/>
    <col min="4" max="5" width="7" style="268" customWidth="1"/>
    <col min="6" max="8" width="8.21875" style="268" customWidth="1"/>
    <col min="9" max="11" width="10.21875" style="268" customWidth="1"/>
    <col min="12" max="12" width="13" style="268" customWidth="1"/>
    <col min="13" max="13" width="5.33203125" style="268" customWidth="1"/>
    <col min="14" max="14" width="3.77734375" style="268" customWidth="1"/>
    <col min="15" max="15" width="7.44140625" style="268" customWidth="1"/>
    <col min="16" max="16" width="2.6640625" style="268" customWidth="1"/>
    <col min="17" max="17" width="15" style="268" customWidth="1"/>
    <col min="18" max="16384" width="8.88671875" style="268"/>
  </cols>
  <sheetData>
    <row r="1" spans="1:18" ht="16.2" x14ac:dyDescent="0.2">
      <c r="A1" s="265"/>
      <c r="B1" s="266" t="s">
        <v>284</v>
      </c>
      <c r="C1" s="266"/>
      <c r="D1" s="265"/>
      <c r="E1" s="265"/>
      <c r="F1" s="265"/>
      <c r="G1" s="265"/>
      <c r="H1" s="265"/>
      <c r="I1" s="265"/>
      <c r="J1" s="265"/>
      <c r="K1" s="265"/>
      <c r="L1" s="265"/>
      <c r="M1" s="265"/>
      <c r="N1" s="265"/>
      <c r="O1" s="265"/>
      <c r="P1" s="265"/>
      <c r="Q1" s="267"/>
      <c r="R1" s="318"/>
    </row>
    <row r="2" spans="1:18" ht="21" x14ac:dyDescent="0.25">
      <c r="A2" s="265"/>
      <c r="B2" s="265"/>
      <c r="C2" s="265"/>
      <c r="D2" s="265"/>
      <c r="E2" s="265"/>
      <c r="F2" s="265"/>
      <c r="G2" s="265"/>
      <c r="H2" s="265"/>
      <c r="I2" s="265"/>
      <c r="J2" s="265"/>
      <c r="K2" s="265"/>
      <c r="L2" s="269" t="s">
        <v>285</v>
      </c>
      <c r="M2" s="269"/>
      <c r="N2" s="265"/>
      <c r="O2" s="265"/>
      <c r="P2" s="265"/>
      <c r="Q2" s="265"/>
      <c r="R2" s="318"/>
    </row>
    <row r="3" spans="1:18" ht="31.2" customHeight="1" x14ac:dyDescent="0.2">
      <c r="A3" s="270" t="s">
        <v>286</v>
      </c>
      <c r="B3" s="270"/>
      <c r="C3" s="270"/>
      <c r="D3" s="270"/>
      <c r="E3" s="270"/>
      <c r="F3" s="265"/>
      <c r="G3" s="265"/>
      <c r="H3" s="265"/>
      <c r="I3" s="265"/>
      <c r="J3" s="265"/>
      <c r="K3" s="265"/>
      <c r="L3" s="265"/>
      <c r="M3" s="265"/>
      <c r="N3" s="265"/>
      <c r="O3" s="265"/>
      <c r="P3" s="265"/>
      <c r="Q3" s="265"/>
      <c r="R3" s="318"/>
    </row>
    <row r="4" spans="1:18" ht="31.2" customHeight="1" x14ac:dyDescent="0.2">
      <c r="A4" s="265"/>
      <c r="B4" s="270" t="s">
        <v>287</v>
      </c>
      <c r="C4" s="265"/>
      <c r="D4" s="265"/>
      <c r="E4" s="265"/>
      <c r="F4" s="265"/>
      <c r="G4" s="265"/>
      <c r="H4" s="265"/>
      <c r="I4" s="265"/>
      <c r="J4" s="265"/>
      <c r="K4" s="265"/>
      <c r="L4" s="271" t="s">
        <v>0</v>
      </c>
      <c r="M4" s="404"/>
      <c r="N4" s="404"/>
      <c r="O4" s="404"/>
      <c r="P4" s="404"/>
      <c r="Q4" s="404"/>
      <c r="R4" s="318"/>
    </row>
    <row r="5" spans="1:18" ht="31.2" customHeight="1" x14ac:dyDescent="0.2">
      <c r="A5" s="265"/>
      <c r="B5" s="265" t="s">
        <v>288</v>
      </c>
      <c r="C5" s="265"/>
      <c r="D5" s="265"/>
      <c r="E5" s="265"/>
      <c r="F5" s="265"/>
      <c r="G5" s="265"/>
      <c r="H5" s="265"/>
      <c r="I5" s="265"/>
      <c r="J5" s="265"/>
      <c r="K5" s="265"/>
      <c r="L5" s="272" t="s">
        <v>1</v>
      </c>
      <c r="M5" s="405"/>
      <c r="N5" s="405"/>
      <c r="O5" s="272" t="s">
        <v>2</v>
      </c>
      <c r="P5" s="406"/>
      <c r="Q5" s="406"/>
      <c r="R5" s="318"/>
    </row>
    <row r="6" spans="1:18" ht="31.2" customHeight="1" x14ac:dyDescent="0.2">
      <c r="A6" s="265"/>
      <c r="B6" s="273"/>
      <c r="C6" s="265" t="s">
        <v>289</v>
      </c>
      <c r="D6" s="265"/>
      <c r="E6" s="265"/>
      <c r="F6" s="265"/>
      <c r="G6" s="265"/>
      <c r="H6" s="265"/>
      <c r="I6" s="265"/>
      <c r="J6" s="265"/>
      <c r="K6" s="265"/>
      <c r="L6" s="272" t="s">
        <v>3</v>
      </c>
      <c r="M6" s="406"/>
      <c r="N6" s="406"/>
      <c r="O6" s="406"/>
      <c r="P6" s="406"/>
      <c r="Q6" s="406"/>
      <c r="R6" s="318"/>
    </row>
    <row r="7" spans="1:18" ht="31.2" customHeight="1" x14ac:dyDescent="0.2">
      <c r="A7" s="265"/>
      <c r="B7" s="273"/>
      <c r="C7" s="265" t="s">
        <v>290</v>
      </c>
      <c r="D7" s="265"/>
      <c r="E7" s="265"/>
      <c r="F7" s="265"/>
      <c r="G7" s="265"/>
      <c r="H7" s="265"/>
      <c r="I7" s="265"/>
      <c r="J7" s="265"/>
      <c r="K7" s="265"/>
      <c r="L7" s="274"/>
      <c r="M7" s="275"/>
      <c r="N7" s="275"/>
      <c r="O7" s="275"/>
      <c r="P7" s="275"/>
      <c r="Q7" s="275"/>
      <c r="R7" s="318"/>
    </row>
    <row r="8" spans="1:18" x14ac:dyDescent="0.2">
      <c r="A8" s="265"/>
      <c r="B8" s="265"/>
      <c r="C8" s="265"/>
      <c r="D8" s="265"/>
      <c r="E8" s="265"/>
      <c r="F8" s="265"/>
      <c r="G8" s="265"/>
      <c r="H8" s="265"/>
      <c r="I8" s="265"/>
      <c r="J8" s="265"/>
      <c r="K8" s="265"/>
      <c r="L8" s="265"/>
      <c r="M8" s="265"/>
      <c r="N8" s="265"/>
      <c r="O8" s="265"/>
      <c r="P8" s="265"/>
      <c r="Q8" s="265"/>
      <c r="R8" s="318"/>
    </row>
    <row r="9" spans="1:18" s="280" customFormat="1" x14ac:dyDescent="0.2">
      <c r="A9" s="276"/>
      <c r="B9" s="407" t="s">
        <v>291</v>
      </c>
      <c r="C9" s="408"/>
      <c r="D9" s="413" t="s">
        <v>5</v>
      </c>
      <c r="E9" s="413" t="s">
        <v>292</v>
      </c>
      <c r="F9" s="416" t="s">
        <v>293</v>
      </c>
      <c r="G9" s="417"/>
      <c r="H9" s="417"/>
      <c r="I9" s="277"/>
      <c r="J9" s="278" t="s">
        <v>294</v>
      </c>
      <c r="K9" s="279"/>
      <c r="L9" s="419" t="s">
        <v>295</v>
      </c>
      <c r="M9" s="420"/>
      <c r="N9" s="423" t="s">
        <v>296</v>
      </c>
      <c r="O9" s="424"/>
      <c r="P9" s="425"/>
      <c r="Q9" s="389" t="s">
        <v>297</v>
      </c>
      <c r="R9" s="319"/>
    </row>
    <row r="10" spans="1:18" x14ac:dyDescent="0.2">
      <c r="A10" s="265"/>
      <c r="B10" s="409"/>
      <c r="C10" s="410"/>
      <c r="D10" s="414"/>
      <c r="E10" s="414"/>
      <c r="F10" s="418"/>
      <c r="G10" s="418"/>
      <c r="H10" s="418"/>
      <c r="I10" s="392" t="s">
        <v>298</v>
      </c>
      <c r="J10" s="394" t="s">
        <v>299</v>
      </c>
      <c r="K10" s="396" t="s">
        <v>300</v>
      </c>
      <c r="L10" s="421"/>
      <c r="M10" s="421"/>
      <c r="N10" s="426"/>
      <c r="O10" s="427"/>
      <c r="P10" s="428"/>
      <c r="Q10" s="390"/>
      <c r="R10" s="318"/>
    </row>
    <row r="11" spans="1:18" ht="28.95" customHeight="1" x14ac:dyDescent="0.2">
      <c r="A11" s="265"/>
      <c r="B11" s="411"/>
      <c r="C11" s="412"/>
      <c r="D11" s="415"/>
      <c r="E11" s="415"/>
      <c r="F11" s="281" t="s">
        <v>301</v>
      </c>
      <c r="G11" s="282" t="s">
        <v>302</v>
      </c>
      <c r="H11" s="283" t="s">
        <v>303</v>
      </c>
      <c r="I11" s="393"/>
      <c r="J11" s="395"/>
      <c r="K11" s="397"/>
      <c r="L11" s="422"/>
      <c r="M11" s="422"/>
      <c r="N11" s="429"/>
      <c r="O11" s="430"/>
      <c r="P11" s="431"/>
      <c r="Q11" s="391"/>
      <c r="R11" s="318"/>
    </row>
    <row r="12" spans="1:18" ht="39.6" customHeight="1" x14ac:dyDescent="0.2">
      <c r="A12" s="265"/>
      <c r="B12" s="398" t="s">
        <v>304</v>
      </c>
      <c r="C12" s="399"/>
      <c r="D12" s="284" t="s">
        <v>305</v>
      </c>
      <c r="E12" s="284" t="s">
        <v>306</v>
      </c>
      <c r="F12" s="285" t="s">
        <v>307</v>
      </c>
      <c r="G12" s="286" t="s">
        <v>308</v>
      </c>
      <c r="H12" s="287">
        <v>0</v>
      </c>
      <c r="I12" s="288" t="s">
        <v>12</v>
      </c>
      <c r="J12" s="286" t="s">
        <v>12</v>
      </c>
      <c r="K12" s="289"/>
      <c r="L12" s="400" t="s">
        <v>309</v>
      </c>
      <c r="M12" s="401"/>
      <c r="N12" s="402" t="s">
        <v>310</v>
      </c>
      <c r="O12" s="401"/>
      <c r="P12" s="403"/>
      <c r="Q12" s="290" t="s">
        <v>311</v>
      </c>
      <c r="R12" s="318"/>
    </row>
    <row r="13" spans="1:18" ht="39.6" customHeight="1" x14ac:dyDescent="0.2">
      <c r="A13" s="265"/>
      <c r="B13" s="356" t="s">
        <v>312</v>
      </c>
      <c r="C13" s="357"/>
      <c r="D13" s="291" t="s">
        <v>313</v>
      </c>
      <c r="E13" s="291" t="s">
        <v>13</v>
      </c>
      <c r="F13" s="292">
        <v>0</v>
      </c>
      <c r="G13" s="293" t="s">
        <v>314</v>
      </c>
      <c r="H13" s="294">
        <v>0</v>
      </c>
      <c r="I13" s="295" t="s">
        <v>12</v>
      </c>
      <c r="J13" s="293" t="s">
        <v>315</v>
      </c>
      <c r="K13" s="296" t="s">
        <v>315</v>
      </c>
      <c r="L13" s="358" t="s">
        <v>316</v>
      </c>
      <c r="M13" s="359"/>
      <c r="N13" s="360">
        <v>44188</v>
      </c>
      <c r="O13" s="361"/>
      <c r="P13" s="362"/>
      <c r="Q13" s="297" t="s">
        <v>317</v>
      </c>
      <c r="R13" s="318"/>
    </row>
    <row r="14" spans="1:18" ht="34.200000000000003" customHeight="1" x14ac:dyDescent="0.2">
      <c r="B14" s="363"/>
      <c r="C14" s="364"/>
      <c r="D14" s="298"/>
      <c r="E14" s="299"/>
      <c r="F14" s="300"/>
      <c r="G14" s="301"/>
      <c r="H14" s="302"/>
      <c r="I14" s="369"/>
      <c r="J14" s="372"/>
      <c r="K14" s="375"/>
      <c r="L14" s="378"/>
      <c r="M14" s="379"/>
      <c r="N14" s="384"/>
      <c r="O14" s="385"/>
      <c r="P14" s="386"/>
      <c r="Q14" s="350"/>
      <c r="R14" s="318"/>
    </row>
    <row r="15" spans="1:18" ht="34.200000000000003" customHeight="1" x14ac:dyDescent="0.2">
      <c r="B15" s="365"/>
      <c r="C15" s="366"/>
      <c r="D15" s="303"/>
      <c r="E15" s="303"/>
      <c r="F15" s="304"/>
      <c r="G15" s="305"/>
      <c r="H15" s="306"/>
      <c r="I15" s="370"/>
      <c r="J15" s="373"/>
      <c r="K15" s="376"/>
      <c r="L15" s="380"/>
      <c r="M15" s="381"/>
      <c r="N15" s="380"/>
      <c r="O15" s="387"/>
      <c r="P15" s="381"/>
      <c r="Q15" s="351"/>
      <c r="R15" s="318"/>
    </row>
    <row r="16" spans="1:18" ht="34.200000000000003" customHeight="1" x14ac:dyDescent="0.2">
      <c r="B16" s="367"/>
      <c r="C16" s="368"/>
      <c r="D16" s="307"/>
      <c r="E16" s="307"/>
      <c r="F16" s="308"/>
      <c r="G16" s="309"/>
      <c r="H16" s="310"/>
      <c r="I16" s="371"/>
      <c r="J16" s="374"/>
      <c r="K16" s="377"/>
      <c r="L16" s="382"/>
      <c r="M16" s="383"/>
      <c r="N16" s="382"/>
      <c r="O16" s="388"/>
      <c r="P16" s="383"/>
      <c r="Q16" s="352"/>
      <c r="R16" s="318"/>
    </row>
    <row r="17" spans="2:18" ht="38.4" customHeight="1" x14ac:dyDescent="0.2">
      <c r="B17" s="311" t="s">
        <v>6</v>
      </c>
      <c r="C17" s="353"/>
      <c r="D17" s="354"/>
      <c r="E17" s="354"/>
      <c r="F17" s="354"/>
      <c r="G17" s="354"/>
      <c r="H17" s="354"/>
      <c r="I17" s="354"/>
      <c r="J17" s="354"/>
      <c r="K17" s="354"/>
      <c r="L17" s="354"/>
      <c r="M17" s="354"/>
      <c r="N17" s="354"/>
      <c r="O17" s="354"/>
      <c r="P17" s="354"/>
      <c r="Q17" s="355"/>
      <c r="R17" s="318"/>
    </row>
    <row r="18" spans="2:18" x14ac:dyDescent="0.2">
      <c r="R18" s="318"/>
    </row>
    <row r="19" spans="2:18" x14ac:dyDescent="0.2">
      <c r="D19" s="268" t="s">
        <v>7</v>
      </c>
      <c r="R19" s="318"/>
    </row>
    <row r="20" spans="2:18" x14ac:dyDescent="0.2">
      <c r="D20" s="268" t="s">
        <v>318</v>
      </c>
      <c r="R20" s="318"/>
    </row>
    <row r="21" spans="2:18" x14ac:dyDescent="0.2">
      <c r="D21" s="268" t="s">
        <v>319</v>
      </c>
      <c r="R21" s="318"/>
    </row>
  </sheetData>
  <mergeCells count="28">
    <mergeCell ref="M4:Q4"/>
    <mergeCell ref="M5:N5"/>
    <mergeCell ref="P5:Q5"/>
    <mergeCell ref="M6:Q6"/>
    <mergeCell ref="B9:C11"/>
    <mergeCell ref="D9:D11"/>
    <mergeCell ref="E9:E11"/>
    <mergeCell ref="F9:H10"/>
    <mergeCell ref="L9:M11"/>
    <mergeCell ref="N9:P11"/>
    <mergeCell ref="Q9:Q11"/>
    <mergeCell ref="I10:I11"/>
    <mergeCell ref="J10:J11"/>
    <mergeCell ref="K10:K11"/>
    <mergeCell ref="B12:C12"/>
    <mergeCell ref="L12:M12"/>
    <mergeCell ref="N12:P12"/>
    <mergeCell ref="Q14:Q16"/>
    <mergeCell ref="C17:Q17"/>
    <mergeCell ref="B13:C13"/>
    <mergeCell ref="L13:M13"/>
    <mergeCell ref="N13:P13"/>
    <mergeCell ref="B14:C16"/>
    <mergeCell ref="I14:I16"/>
    <mergeCell ref="J14:J16"/>
    <mergeCell ref="K14:K16"/>
    <mergeCell ref="L14:M16"/>
    <mergeCell ref="N14:P16"/>
  </mergeCells>
  <phoneticPr fontId="2"/>
  <dataValidations count="1">
    <dataValidation type="list" allowBlank="1" showInputMessage="1" showErrorMessage="1" sqref="B6:B7">
      <formula1>"　,○"</formula1>
    </dataValidation>
  </dataValidations>
  <printOptions horizontalCentered="1" verticalCentered="1"/>
  <pageMargins left="0.39370078740157483" right="0.39370078740157483" top="0.59055118110236227" bottom="0.59055118110236227" header="0.31496062992125984" footer="0.31496062992125984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I33"/>
  <sheetViews>
    <sheetView showGridLines="0" tabSelected="1" topLeftCell="A25" zoomScaleNormal="100" workbookViewId="0">
      <selection activeCell="E38" sqref="E38"/>
    </sheetView>
  </sheetViews>
  <sheetFormatPr defaultColWidth="9" defaultRowHeight="13.2" x14ac:dyDescent="0.2"/>
  <cols>
    <col min="1" max="1" width="1.44140625" style="2" customWidth="1"/>
    <col min="2" max="2" width="4.109375" style="1" customWidth="1"/>
    <col min="3" max="3" width="4.109375" style="2" customWidth="1"/>
    <col min="4" max="4" width="14.44140625" style="1" customWidth="1"/>
    <col min="5" max="5" width="10.77734375" style="2" customWidth="1"/>
    <col min="6" max="6" width="13.6640625" style="1" customWidth="1"/>
    <col min="7" max="7" width="13.6640625" style="2" customWidth="1"/>
    <col min="8" max="9" width="13.6640625" style="1" customWidth="1"/>
    <col min="10" max="10" width="1.6640625" style="1" customWidth="1"/>
    <col min="11" max="20" width="10.6640625" style="1" customWidth="1"/>
    <col min="21" max="16384" width="9" style="1"/>
  </cols>
  <sheetData>
    <row r="2" spans="1:9" s="212" customFormat="1" ht="20.25" customHeight="1" x14ac:dyDescent="0.2">
      <c r="A2" s="213"/>
      <c r="B2" s="589" t="s">
        <v>277</v>
      </c>
      <c r="C2" s="589"/>
      <c r="D2" s="589"/>
      <c r="E2" s="589"/>
      <c r="F2" s="589"/>
      <c r="G2" s="589"/>
      <c r="H2" s="589"/>
      <c r="I2" s="589"/>
    </row>
    <row r="3" spans="1:9" s="212" customFormat="1" ht="20.25" customHeight="1" x14ac:dyDescent="0.2">
      <c r="A3" s="213"/>
      <c r="B3" s="242"/>
      <c r="C3" s="242"/>
      <c r="D3" s="242"/>
      <c r="E3" s="242"/>
      <c r="F3" s="242"/>
      <c r="G3" s="242"/>
      <c r="H3" s="242"/>
      <c r="I3" s="214" t="s">
        <v>276</v>
      </c>
    </row>
    <row r="4" spans="1:9" ht="6" customHeight="1" thickBot="1" x14ac:dyDescent="0.25"/>
    <row r="5" spans="1:9" ht="21" customHeight="1" x14ac:dyDescent="0.2">
      <c r="B5" s="527"/>
      <c r="C5" s="506"/>
      <c r="D5" s="258" t="s">
        <v>180</v>
      </c>
      <c r="E5" s="257" t="s">
        <v>243</v>
      </c>
      <c r="F5" s="264"/>
      <c r="G5" s="74"/>
      <c r="H5" s="263"/>
      <c r="I5" s="599" t="s">
        <v>264</v>
      </c>
    </row>
    <row r="6" spans="1:9" ht="21" customHeight="1" x14ac:dyDescent="0.2">
      <c r="B6" s="528"/>
      <c r="C6" s="609"/>
      <c r="D6" s="7"/>
      <c r="E6" s="254" t="s">
        <v>263</v>
      </c>
      <c r="F6" s="7" t="s">
        <v>275</v>
      </c>
      <c r="G6" s="33" t="s">
        <v>274</v>
      </c>
      <c r="H6" s="7" t="s">
        <v>273</v>
      </c>
      <c r="I6" s="600"/>
    </row>
    <row r="7" spans="1:9" ht="21" customHeight="1" thickBot="1" x14ac:dyDescent="0.25">
      <c r="B7" s="262" t="s">
        <v>262</v>
      </c>
      <c r="C7" s="261"/>
      <c r="D7" s="255"/>
      <c r="E7" s="260" t="s">
        <v>261</v>
      </c>
      <c r="F7" s="259" t="s">
        <v>271</v>
      </c>
      <c r="G7" s="259" t="s">
        <v>272</v>
      </c>
      <c r="H7" s="259" t="s">
        <v>271</v>
      </c>
      <c r="I7" s="615"/>
    </row>
    <row r="8" spans="1:9" ht="26.25" customHeight="1" x14ac:dyDescent="0.2">
      <c r="B8" s="211"/>
      <c r="C8" s="613" t="s">
        <v>258</v>
      </c>
      <c r="D8" s="614"/>
      <c r="E8" s="91"/>
      <c r="F8" s="90"/>
      <c r="G8" s="90"/>
      <c r="H8" s="90"/>
      <c r="I8" s="218"/>
    </row>
    <row r="9" spans="1:9" ht="26.25" customHeight="1" x14ac:dyDescent="0.2">
      <c r="B9" s="50" t="s">
        <v>55</v>
      </c>
      <c r="C9" s="611" t="s">
        <v>212</v>
      </c>
      <c r="D9" s="612"/>
      <c r="E9" s="247"/>
      <c r="F9" s="246"/>
      <c r="G9" s="246"/>
      <c r="H9" s="246"/>
      <c r="I9" s="24"/>
    </row>
    <row r="10" spans="1:9" ht="26.25" customHeight="1" x14ac:dyDescent="0.2">
      <c r="B10" s="50" t="s">
        <v>21</v>
      </c>
      <c r="C10" s="611" t="s">
        <v>8</v>
      </c>
      <c r="D10" s="612"/>
      <c r="E10" s="247"/>
      <c r="F10" s="246"/>
      <c r="G10" s="246"/>
      <c r="H10" s="246"/>
      <c r="I10" s="24"/>
    </row>
    <row r="11" spans="1:9" ht="26.25" customHeight="1" thickBot="1" x14ac:dyDescent="0.25">
      <c r="B11" s="253"/>
      <c r="C11" s="515" t="s">
        <v>25</v>
      </c>
      <c r="D11" s="516"/>
      <c r="E11" s="78"/>
      <c r="F11" s="77"/>
      <c r="G11" s="77"/>
      <c r="H11" s="77"/>
      <c r="I11" s="16"/>
    </row>
    <row r="12" spans="1:9" ht="26.25" customHeight="1" thickTop="1" x14ac:dyDescent="0.2">
      <c r="B12" s="252"/>
      <c r="C12" s="605" t="s">
        <v>257</v>
      </c>
      <c r="D12" s="606"/>
      <c r="E12" s="206"/>
      <c r="F12" s="237"/>
      <c r="G12" s="237"/>
      <c r="H12" s="237"/>
      <c r="I12" s="34"/>
    </row>
    <row r="13" spans="1:9" ht="26.25" customHeight="1" x14ac:dyDescent="0.2">
      <c r="B13" s="50"/>
      <c r="C13" s="77"/>
      <c r="D13" s="251" t="s">
        <v>256</v>
      </c>
      <c r="E13" s="191"/>
      <c r="F13" s="232"/>
      <c r="G13" s="232"/>
      <c r="H13" s="232"/>
      <c r="I13" s="24" t="s">
        <v>254</v>
      </c>
    </row>
    <row r="14" spans="1:9" ht="26.25" customHeight="1" x14ac:dyDescent="0.2">
      <c r="B14" s="50"/>
      <c r="C14" s="598" t="s">
        <v>45</v>
      </c>
      <c r="D14" s="251" t="s">
        <v>255</v>
      </c>
      <c r="E14" s="191"/>
      <c r="F14" s="232"/>
      <c r="G14" s="232"/>
      <c r="H14" s="232"/>
      <c r="I14" s="24" t="s">
        <v>254</v>
      </c>
    </row>
    <row r="15" spans="1:9" ht="26.25" customHeight="1" x14ac:dyDescent="0.2">
      <c r="B15" s="50"/>
      <c r="C15" s="598"/>
      <c r="D15" s="251" t="s">
        <v>253</v>
      </c>
      <c r="E15" s="191"/>
      <c r="F15" s="232" t="s">
        <v>252</v>
      </c>
      <c r="G15" s="232" t="s">
        <v>252</v>
      </c>
      <c r="H15" s="232" t="s">
        <v>252</v>
      </c>
      <c r="I15" s="24"/>
    </row>
    <row r="16" spans="1:9" ht="26.25" customHeight="1" x14ac:dyDescent="0.2">
      <c r="B16" s="50" t="s">
        <v>55</v>
      </c>
      <c r="C16" s="598" t="s">
        <v>36</v>
      </c>
      <c r="D16" s="251" t="s">
        <v>250</v>
      </c>
      <c r="E16" s="191"/>
      <c r="F16" s="232"/>
      <c r="G16" s="232"/>
      <c r="H16" s="232"/>
      <c r="I16" s="24"/>
    </row>
    <row r="17" spans="2:9" ht="26.25" customHeight="1" x14ac:dyDescent="0.2">
      <c r="B17" s="50"/>
      <c r="C17" s="598"/>
      <c r="D17" s="251" t="s">
        <v>249</v>
      </c>
      <c r="E17" s="191"/>
      <c r="F17" s="232"/>
      <c r="G17" s="232"/>
      <c r="H17" s="232"/>
      <c r="I17" s="24"/>
    </row>
    <row r="18" spans="2:9" ht="26.25" customHeight="1" x14ac:dyDescent="0.2">
      <c r="B18" s="50"/>
      <c r="C18" s="598" t="s">
        <v>30</v>
      </c>
      <c r="D18" s="251" t="s">
        <v>248</v>
      </c>
      <c r="E18" s="191"/>
      <c r="F18" s="232"/>
      <c r="G18" s="232"/>
      <c r="H18" s="232"/>
      <c r="I18" s="24"/>
    </row>
    <row r="19" spans="2:9" ht="26.25" customHeight="1" x14ac:dyDescent="0.2">
      <c r="B19" s="50"/>
      <c r="C19" s="598"/>
      <c r="D19" s="251" t="s">
        <v>247</v>
      </c>
      <c r="E19" s="191"/>
      <c r="F19" s="232"/>
      <c r="G19" s="232"/>
      <c r="H19" s="232"/>
      <c r="I19" s="24"/>
    </row>
    <row r="20" spans="2:9" ht="26.25" customHeight="1" x14ac:dyDescent="0.2">
      <c r="B20" s="50"/>
      <c r="C20" s="598" t="s">
        <v>268</v>
      </c>
      <c r="D20" s="251" t="s">
        <v>200</v>
      </c>
      <c r="E20" s="191"/>
      <c r="F20" s="232"/>
      <c r="G20" s="232"/>
      <c r="H20" s="232"/>
      <c r="I20" s="24"/>
    </row>
    <row r="21" spans="2:9" ht="26.25" customHeight="1" x14ac:dyDescent="0.2">
      <c r="B21" s="50"/>
      <c r="C21" s="598"/>
      <c r="D21" s="251" t="s">
        <v>245</v>
      </c>
      <c r="E21" s="191"/>
      <c r="F21" s="232"/>
      <c r="G21" s="232"/>
      <c r="H21" s="232"/>
      <c r="I21" s="24"/>
    </row>
    <row r="22" spans="2:9" ht="26.25" customHeight="1" x14ac:dyDescent="0.2">
      <c r="B22" s="50" t="s">
        <v>51</v>
      </c>
      <c r="C22" s="598" t="s">
        <v>34</v>
      </c>
      <c r="D22" s="251" t="s">
        <v>110</v>
      </c>
      <c r="E22" s="191"/>
      <c r="F22" s="232"/>
      <c r="G22" s="232"/>
      <c r="H22" s="232"/>
      <c r="I22" s="24"/>
    </row>
    <row r="23" spans="2:9" ht="26.25" customHeight="1" x14ac:dyDescent="0.2">
      <c r="B23" s="50"/>
      <c r="C23" s="598"/>
      <c r="D23" s="251" t="s">
        <v>197</v>
      </c>
      <c r="E23" s="191"/>
      <c r="F23" s="232"/>
      <c r="G23" s="232"/>
      <c r="H23" s="232"/>
      <c r="I23" s="24"/>
    </row>
    <row r="24" spans="2:9" ht="26.25" customHeight="1" x14ac:dyDescent="0.2">
      <c r="B24" s="50"/>
      <c r="C24" s="598" t="s">
        <v>29</v>
      </c>
      <c r="D24" s="250" t="s">
        <v>8</v>
      </c>
      <c r="E24" s="191"/>
      <c r="F24" s="232"/>
      <c r="G24" s="232"/>
      <c r="H24" s="232"/>
      <c r="I24" s="24"/>
    </row>
    <row r="25" spans="2:9" ht="26.25" customHeight="1" x14ac:dyDescent="0.2">
      <c r="B25" s="50"/>
      <c r="C25" s="598"/>
      <c r="D25" s="607" t="s">
        <v>244</v>
      </c>
      <c r="E25" s="191" t="s">
        <v>243</v>
      </c>
      <c r="F25" s="232"/>
      <c r="G25" s="232"/>
      <c r="H25" s="232"/>
      <c r="I25" s="24"/>
    </row>
    <row r="26" spans="2:9" ht="26.25" customHeight="1" thickBot="1" x14ac:dyDescent="0.25">
      <c r="B26" s="50"/>
      <c r="C26" s="33"/>
      <c r="D26" s="616"/>
      <c r="E26" s="186" t="s">
        <v>242</v>
      </c>
      <c r="F26" s="249"/>
      <c r="G26" s="249"/>
      <c r="H26" s="249"/>
      <c r="I26" s="16"/>
    </row>
    <row r="27" spans="2:9" ht="24.75" customHeight="1" x14ac:dyDescent="0.2">
      <c r="B27" s="527" t="s">
        <v>270</v>
      </c>
      <c r="C27" s="507"/>
      <c r="D27" s="248"/>
      <c r="E27" s="91"/>
      <c r="F27" s="90"/>
      <c r="G27" s="90"/>
      <c r="H27" s="90"/>
      <c r="I27" s="218"/>
    </row>
    <row r="28" spans="2:9" ht="24.75" customHeight="1" x14ac:dyDescent="0.2">
      <c r="B28" s="528" t="s">
        <v>269</v>
      </c>
      <c r="C28" s="604"/>
      <c r="D28" s="203"/>
      <c r="E28" s="247"/>
      <c r="F28" s="246"/>
      <c r="G28" s="246"/>
      <c r="H28" s="246"/>
      <c r="I28" s="24"/>
    </row>
    <row r="29" spans="2:9" ht="24.75" customHeight="1" x14ac:dyDescent="0.2">
      <c r="B29" s="528" t="s">
        <v>240</v>
      </c>
      <c r="C29" s="604"/>
      <c r="D29" s="203"/>
      <c r="E29" s="247"/>
      <c r="F29" s="246"/>
      <c r="G29" s="246"/>
      <c r="H29" s="246"/>
      <c r="I29" s="24"/>
    </row>
    <row r="30" spans="2:9" ht="24.75" customHeight="1" x14ac:dyDescent="0.2">
      <c r="B30" s="528" t="s">
        <v>268</v>
      </c>
      <c r="C30" s="604"/>
      <c r="D30" s="203"/>
      <c r="E30" s="247"/>
      <c r="F30" s="246"/>
      <c r="G30" s="246"/>
      <c r="H30" s="246"/>
      <c r="I30" s="24"/>
    </row>
    <row r="31" spans="2:9" ht="24.75" customHeight="1" x14ac:dyDescent="0.2">
      <c r="B31" s="528" t="s">
        <v>190</v>
      </c>
      <c r="C31" s="604"/>
      <c r="D31" s="203"/>
      <c r="E31" s="247"/>
      <c r="F31" s="246"/>
      <c r="G31" s="246"/>
      <c r="H31" s="246"/>
      <c r="I31" s="24"/>
    </row>
    <row r="32" spans="2:9" ht="24.75" customHeight="1" thickBot="1" x14ac:dyDescent="0.25">
      <c r="B32" s="602" t="s">
        <v>189</v>
      </c>
      <c r="C32" s="510"/>
      <c r="D32" s="245" t="s">
        <v>25</v>
      </c>
      <c r="E32" s="244"/>
      <c r="F32" s="243"/>
      <c r="G32" s="243"/>
      <c r="H32" s="243"/>
      <c r="I32" s="8"/>
    </row>
    <row r="33" spans="2:3" ht="9" customHeight="1" x14ac:dyDescent="0.2">
      <c r="B33" s="5"/>
      <c r="C33" s="6"/>
    </row>
  </sheetData>
  <mergeCells count="21">
    <mergeCell ref="B5:C6"/>
    <mergeCell ref="C9:D9"/>
    <mergeCell ref="C10:D10"/>
    <mergeCell ref="C8:D8"/>
    <mergeCell ref="C11:D11"/>
    <mergeCell ref="I5:I7"/>
    <mergeCell ref="C22:C23"/>
    <mergeCell ref="B32:C32"/>
    <mergeCell ref="B2:I2"/>
    <mergeCell ref="B28:C28"/>
    <mergeCell ref="B29:C29"/>
    <mergeCell ref="B30:C30"/>
    <mergeCell ref="B31:C31"/>
    <mergeCell ref="C12:D12"/>
    <mergeCell ref="D25:D26"/>
    <mergeCell ref="B27:C27"/>
    <mergeCell ref="C24:C25"/>
    <mergeCell ref="C14:C15"/>
    <mergeCell ref="C16:C17"/>
    <mergeCell ref="C18:C19"/>
    <mergeCell ref="C20:C21"/>
  </mergeCells>
  <phoneticPr fontId="2"/>
  <pageMargins left="0.82677165354330717" right="0.47244094488188981" top="0.78740157480314965" bottom="0.27559055118110237" header="0.62992125984251968" footer="0.47244094488188981"/>
  <pageSetup paperSize="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showGridLines="0" zoomScale="120" zoomScaleNormal="120" zoomScaleSheetLayoutView="120" workbookViewId="0"/>
  </sheetViews>
  <sheetFormatPr defaultColWidth="8.88671875" defaultRowHeight="14.4" x14ac:dyDescent="0.2"/>
  <cols>
    <col min="1" max="1" width="2.88671875" style="268" customWidth="1"/>
    <col min="2" max="2" width="7" style="268" customWidth="1"/>
    <col min="3" max="3" width="13.109375" style="268" customWidth="1"/>
    <col min="4" max="4" width="7" style="268" customWidth="1"/>
    <col min="5" max="7" width="8.21875" style="268" customWidth="1"/>
    <col min="8" max="10" width="10.21875" style="268" customWidth="1"/>
    <col min="11" max="11" width="13" style="268" customWidth="1"/>
    <col min="12" max="12" width="5.33203125" style="268" customWidth="1"/>
    <col min="13" max="13" width="3.77734375" style="268" customWidth="1"/>
    <col min="14" max="14" width="7.44140625" style="268" customWidth="1"/>
    <col min="15" max="15" width="2.6640625" style="268" customWidth="1"/>
    <col min="16" max="16" width="16.109375" style="268" customWidth="1"/>
    <col min="17" max="16384" width="8.88671875" style="268"/>
  </cols>
  <sheetData>
    <row r="1" spans="1:16" ht="16.2" x14ac:dyDescent="0.2">
      <c r="A1" s="312"/>
      <c r="B1" s="313" t="s">
        <v>284</v>
      </c>
      <c r="C1" s="313"/>
      <c r="D1" s="312"/>
      <c r="E1" s="312"/>
      <c r="F1" s="312"/>
      <c r="G1" s="312"/>
      <c r="H1" s="312"/>
      <c r="I1" s="312"/>
      <c r="J1" s="312"/>
      <c r="K1" s="312"/>
      <c r="L1" s="312"/>
      <c r="M1" s="312"/>
      <c r="N1" s="312"/>
      <c r="O1" s="312"/>
      <c r="P1" s="314"/>
    </row>
    <row r="2" spans="1:16" ht="21" x14ac:dyDescent="0.25">
      <c r="A2" s="312"/>
      <c r="B2" s="312"/>
      <c r="C2" s="312"/>
      <c r="D2" s="312"/>
      <c r="E2" s="312"/>
      <c r="F2" s="312"/>
      <c r="G2" s="312"/>
      <c r="H2" s="312"/>
      <c r="I2" s="312"/>
      <c r="J2" s="312"/>
      <c r="K2" s="315" t="s">
        <v>320</v>
      </c>
      <c r="L2" s="315"/>
      <c r="M2" s="312"/>
      <c r="N2" s="312"/>
      <c r="O2" s="312"/>
      <c r="P2" s="312"/>
    </row>
    <row r="3" spans="1:16" ht="31.2" customHeight="1" x14ac:dyDescent="0.2">
      <c r="A3" s="316" t="s">
        <v>286</v>
      </c>
      <c r="B3" s="316"/>
      <c r="C3" s="316"/>
      <c r="D3" s="316"/>
      <c r="E3" s="312"/>
      <c r="F3" s="312"/>
      <c r="G3" s="312"/>
      <c r="H3" s="312"/>
      <c r="I3" s="312"/>
      <c r="J3" s="312"/>
      <c r="K3" s="312"/>
      <c r="L3" s="312"/>
      <c r="M3" s="312"/>
      <c r="N3" s="312"/>
      <c r="O3" s="312"/>
      <c r="P3" s="312"/>
    </row>
    <row r="4" spans="1:16" ht="31.2" customHeight="1" x14ac:dyDescent="0.2">
      <c r="A4" s="312"/>
      <c r="B4" s="316" t="s">
        <v>287</v>
      </c>
      <c r="C4" s="312"/>
      <c r="D4" s="312"/>
      <c r="E4" s="312"/>
      <c r="F4" s="312"/>
      <c r="G4" s="312"/>
      <c r="H4" s="312"/>
      <c r="I4" s="312"/>
      <c r="J4" s="312"/>
      <c r="K4" s="271" t="s">
        <v>0</v>
      </c>
      <c r="L4" s="404"/>
      <c r="M4" s="404"/>
      <c r="N4" s="404"/>
      <c r="O4" s="404"/>
      <c r="P4" s="404"/>
    </row>
    <row r="5" spans="1:16" ht="31.2" customHeight="1" x14ac:dyDescent="0.2">
      <c r="A5" s="312"/>
      <c r="B5" s="312" t="s">
        <v>288</v>
      </c>
      <c r="C5" s="312"/>
      <c r="D5" s="312"/>
      <c r="E5" s="312"/>
      <c r="F5" s="312"/>
      <c r="G5" s="312"/>
      <c r="H5" s="312"/>
      <c r="I5" s="312"/>
      <c r="J5" s="312"/>
      <c r="K5" s="272" t="s">
        <v>1</v>
      </c>
      <c r="L5" s="405"/>
      <c r="M5" s="405"/>
      <c r="N5" s="272" t="s">
        <v>2</v>
      </c>
      <c r="O5" s="406"/>
      <c r="P5" s="406"/>
    </row>
    <row r="6" spans="1:16" ht="31.2" customHeight="1" x14ac:dyDescent="0.2">
      <c r="A6" s="312"/>
      <c r="B6" s="273"/>
      <c r="C6" s="312" t="s">
        <v>321</v>
      </c>
      <c r="D6" s="312"/>
      <c r="E6" s="312"/>
      <c r="F6" s="312"/>
      <c r="G6" s="312"/>
      <c r="H6" s="312"/>
      <c r="I6" s="312"/>
      <c r="J6" s="312"/>
      <c r="K6" s="272" t="s">
        <v>3</v>
      </c>
      <c r="L6" s="406"/>
      <c r="M6" s="406"/>
      <c r="N6" s="406"/>
      <c r="O6" s="406"/>
      <c r="P6" s="406"/>
    </row>
    <row r="7" spans="1:16" ht="31.2" customHeight="1" x14ac:dyDescent="0.2">
      <c r="A7" s="312"/>
      <c r="B7" s="273"/>
      <c r="C7" s="312" t="s">
        <v>290</v>
      </c>
      <c r="D7" s="312"/>
      <c r="E7" s="312"/>
      <c r="F7" s="312"/>
      <c r="G7" s="312"/>
      <c r="H7" s="312"/>
      <c r="I7" s="312"/>
      <c r="J7" s="312"/>
      <c r="K7" s="274"/>
      <c r="L7" s="275"/>
      <c r="M7" s="275"/>
      <c r="N7" s="275"/>
      <c r="O7" s="275"/>
      <c r="P7" s="275"/>
    </row>
    <row r="8" spans="1:16" x14ac:dyDescent="0.2">
      <c r="A8" s="312"/>
      <c r="B8" s="312"/>
      <c r="C8" s="312"/>
      <c r="D8" s="312"/>
      <c r="E8" s="312"/>
      <c r="F8" s="312"/>
      <c r="G8" s="312"/>
      <c r="H8" s="312"/>
      <c r="I8" s="312"/>
      <c r="J8" s="312"/>
      <c r="K8" s="312"/>
      <c r="L8" s="312"/>
      <c r="M8" s="312"/>
      <c r="N8" s="312"/>
      <c r="O8" s="312"/>
      <c r="P8" s="312"/>
    </row>
    <row r="9" spans="1:16" s="280" customFormat="1" x14ac:dyDescent="0.2">
      <c r="A9" s="317"/>
      <c r="B9" s="407" t="s">
        <v>322</v>
      </c>
      <c r="C9" s="408"/>
      <c r="D9" s="413" t="s">
        <v>323</v>
      </c>
      <c r="E9" s="416" t="s">
        <v>324</v>
      </c>
      <c r="F9" s="417"/>
      <c r="G9" s="417"/>
      <c r="H9" s="277"/>
      <c r="I9" s="278" t="s">
        <v>294</v>
      </c>
      <c r="J9" s="279"/>
      <c r="K9" s="419" t="s">
        <v>325</v>
      </c>
      <c r="L9" s="420"/>
      <c r="M9" s="423" t="s">
        <v>326</v>
      </c>
      <c r="N9" s="424"/>
      <c r="O9" s="425"/>
      <c r="P9" s="389" t="s">
        <v>327</v>
      </c>
    </row>
    <row r="10" spans="1:16" x14ac:dyDescent="0.2">
      <c r="A10" s="312"/>
      <c r="B10" s="409"/>
      <c r="C10" s="410"/>
      <c r="D10" s="414"/>
      <c r="E10" s="418"/>
      <c r="F10" s="418"/>
      <c r="G10" s="418"/>
      <c r="H10" s="392" t="s">
        <v>328</v>
      </c>
      <c r="I10" s="394" t="s">
        <v>329</v>
      </c>
      <c r="J10" s="396" t="s">
        <v>330</v>
      </c>
      <c r="K10" s="421"/>
      <c r="L10" s="421"/>
      <c r="M10" s="426"/>
      <c r="N10" s="427"/>
      <c r="O10" s="428"/>
      <c r="P10" s="390"/>
    </row>
    <row r="11" spans="1:16" ht="28.95" customHeight="1" x14ac:dyDescent="0.2">
      <c r="A11" s="312"/>
      <c r="B11" s="411"/>
      <c r="C11" s="412"/>
      <c r="D11" s="415"/>
      <c r="E11" s="281" t="s">
        <v>301</v>
      </c>
      <c r="F11" s="282" t="s">
        <v>302</v>
      </c>
      <c r="G11" s="283" t="s">
        <v>331</v>
      </c>
      <c r="H11" s="393"/>
      <c r="I11" s="395"/>
      <c r="J11" s="397"/>
      <c r="K11" s="422"/>
      <c r="L11" s="422"/>
      <c r="M11" s="429"/>
      <c r="N11" s="430"/>
      <c r="O11" s="431"/>
      <c r="P11" s="391"/>
    </row>
    <row r="12" spans="1:16" ht="39.6" customHeight="1" x14ac:dyDescent="0.2">
      <c r="A12" s="312"/>
      <c r="B12" s="402" t="s">
        <v>332</v>
      </c>
      <c r="C12" s="403"/>
      <c r="D12" s="284" t="s">
        <v>333</v>
      </c>
      <c r="E12" s="285" t="s">
        <v>308</v>
      </c>
      <c r="F12" s="286" t="s">
        <v>308</v>
      </c>
      <c r="G12" s="287" t="s">
        <v>308</v>
      </c>
      <c r="H12" s="288" t="s">
        <v>315</v>
      </c>
      <c r="I12" s="286" t="s">
        <v>315</v>
      </c>
      <c r="J12" s="289" t="s">
        <v>315</v>
      </c>
      <c r="K12" s="400" t="s">
        <v>334</v>
      </c>
      <c r="L12" s="401"/>
      <c r="M12" s="402" t="s">
        <v>335</v>
      </c>
      <c r="N12" s="401"/>
      <c r="O12" s="403"/>
      <c r="P12" s="290" t="s">
        <v>311</v>
      </c>
    </row>
    <row r="13" spans="1:16" ht="39.6" customHeight="1" x14ac:dyDescent="0.2">
      <c r="A13" s="312"/>
      <c r="B13" s="432" t="s">
        <v>336</v>
      </c>
      <c r="C13" s="433"/>
      <c r="D13" s="291" t="s">
        <v>337</v>
      </c>
      <c r="E13" s="292">
        <v>0</v>
      </c>
      <c r="F13" s="293" t="s">
        <v>308</v>
      </c>
      <c r="G13" s="294">
        <v>0</v>
      </c>
      <c r="H13" s="295"/>
      <c r="I13" s="293"/>
      <c r="J13" s="296" t="s">
        <v>315</v>
      </c>
      <c r="K13" s="358" t="s">
        <v>316</v>
      </c>
      <c r="L13" s="359"/>
      <c r="M13" s="360">
        <v>44188</v>
      </c>
      <c r="N13" s="361"/>
      <c r="O13" s="362"/>
      <c r="P13" s="297" t="s">
        <v>338</v>
      </c>
    </row>
    <row r="14" spans="1:16" ht="81" customHeight="1" x14ac:dyDescent="0.2">
      <c r="A14" s="318"/>
      <c r="B14" s="434"/>
      <c r="C14" s="435"/>
      <c r="D14" s="320"/>
      <c r="E14" s="321"/>
      <c r="F14" s="322"/>
      <c r="G14" s="323"/>
      <c r="H14" s="324"/>
      <c r="I14" s="325"/>
      <c r="J14" s="326"/>
      <c r="K14" s="436"/>
      <c r="L14" s="436"/>
      <c r="M14" s="437"/>
      <c r="N14" s="438"/>
      <c r="O14" s="439"/>
      <c r="P14" s="327"/>
    </row>
    <row r="15" spans="1:16" ht="38.4" customHeight="1" x14ac:dyDescent="0.2">
      <c r="A15" s="318"/>
      <c r="B15" s="311" t="s">
        <v>6</v>
      </c>
      <c r="C15" s="353"/>
      <c r="D15" s="354"/>
      <c r="E15" s="354"/>
      <c r="F15" s="354"/>
      <c r="G15" s="354"/>
      <c r="H15" s="354"/>
      <c r="I15" s="354"/>
      <c r="J15" s="354"/>
      <c r="K15" s="354"/>
      <c r="L15" s="354"/>
      <c r="M15" s="354"/>
      <c r="N15" s="354"/>
      <c r="O15" s="354"/>
      <c r="P15" s="355"/>
    </row>
    <row r="16" spans="1:16" x14ac:dyDescent="0.2">
      <c r="A16" s="318"/>
      <c r="B16" s="318"/>
      <c r="C16" s="318"/>
      <c r="D16" s="318"/>
      <c r="E16" s="318"/>
      <c r="F16" s="318"/>
      <c r="G16" s="318"/>
      <c r="H16" s="318"/>
      <c r="I16" s="318"/>
      <c r="J16" s="318"/>
      <c r="K16" s="318"/>
      <c r="L16" s="318"/>
      <c r="M16" s="318"/>
      <c r="N16" s="318"/>
      <c r="O16" s="318"/>
      <c r="P16" s="318"/>
    </row>
    <row r="17" spans="1:16" x14ac:dyDescent="0.2">
      <c r="A17" s="318"/>
      <c r="B17" s="318"/>
      <c r="C17" s="318"/>
      <c r="D17" s="318" t="s">
        <v>318</v>
      </c>
      <c r="E17" s="318"/>
      <c r="F17" s="318"/>
      <c r="G17" s="318"/>
      <c r="H17" s="318"/>
      <c r="I17" s="318"/>
      <c r="J17" s="318"/>
      <c r="K17" s="318"/>
      <c r="L17" s="318"/>
      <c r="M17" s="318"/>
      <c r="N17" s="318"/>
      <c r="O17" s="318"/>
      <c r="P17" s="318"/>
    </row>
    <row r="18" spans="1:16" x14ac:dyDescent="0.2">
      <c r="A18" s="318"/>
      <c r="B18" s="318"/>
      <c r="C18" s="318"/>
      <c r="D18" s="318" t="s">
        <v>319</v>
      </c>
      <c r="E18" s="318"/>
      <c r="F18" s="318"/>
      <c r="G18" s="318"/>
      <c r="H18" s="318"/>
      <c r="I18" s="318"/>
      <c r="J18" s="318"/>
      <c r="K18" s="318"/>
      <c r="L18" s="318"/>
      <c r="M18" s="318"/>
      <c r="N18" s="318"/>
      <c r="O18" s="318"/>
      <c r="P18" s="318"/>
    </row>
  </sheetData>
  <mergeCells count="23">
    <mergeCell ref="M12:O12"/>
    <mergeCell ref="L4:P4"/>
    <mergeCell ref="L5:M5"/>
    <mergeCell ref="O5:P5"/>
    <mergeCell ref="L6:P6"/>
    <mergeCell ref="K9:L11"/>
    <mergeCell ref="M9:O11"/>
    <mergeCell ref="P9:P11"/>
    <mergeCell ref="H10:H11"/>
    <mergeCell ref="I10:I11"/>
    <mergeCell ref="J10:J11"/>
    <mergeCell ref="B12:C12"/>
    <mergeCell ref="K12:L12"/>
    <mergeCell ref="B9:C11"/>
    <mergeCell ref="D9:D11"/>
    <mergeCell ref="E9:G10"/>
    <mergeCell ref="C15:P15"/>
    <mergeCell ref="B13:C13"/>
    <mergeCell ref="K13:L13"/>
    <mergeCell ref="M13:O13"/>
    <mergeCell ref="B14:C14"/>
    <mergeCell ref="K14:L14"/>
    <mergeCell ref="M14:O14"/>
  </mergeCells>
  <phoneticPr fontId="2"/>
  <dataValidations count="1">
    <dataValidation type="list" allowBlank="1" showInputMessage="1" showErrorMessage="1" sqref="B6:B7">
      <formula1>"　,○"</formula1>
    </dataValidation>
  </dataValidations>
  <printOptions horizontalCentered="1" verticalCentered="1"/>
  <pageMargins left="0.59055118110236227" right="0.59055118110236227" top="0.59055118110236227" bottom="0.59055118110236227" header="0.31496062992125984" footer="0.31496062992125984"/>
  <pageSetup paperSize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7"/>
  <sheetViews>
    <sheetView showGridLines="0" zoomScale="130" zoomScaleNormal="130" zoomScaleSheetLayoutView="130" workbookViewId="0"/>
  </sheetViews>
  <sheetFormatPr defaultColWidth="8.88671875" defaultRowHeight="14.4" x14ac:dyDescent="0.2"/>
  <cols>
    <col min="1" max="1" width="2.88671875" style="268" customWidth="1"/>
    <col min="2" max="2" width="7" style="268" customWidth="1"/>
    <col min="3" max="3" width="13.109375" style="268" customWidth="1"/>
    <col min="4" max="4" width="7" style="268" customWidth="1"/>
    <col min="5" max="7" width="8.21875" style="268" customWidth="1"/>
    <col min="8" max="10" width="10.21875" style="268" customWidth="1"/>
    <col min="11" max="11" width="13" style="268" customWidth="1"/>
    <col min="12" max="12" width="5.33203125" style="268" customWidth="1"/>
    <col min="13" max="13" width="3.77734375" style="268" customWidth="1"/>
    <col min="14" max="14" width="7.44140625" style="268" customWidth="1"/>
    <col min="15" max="15" width="2.6640625" style="268" customWidth="1"/>
    <col min="16" max="16" width="16.109375" style="268" customWidth="1"/>
    <col min="17" max="16384" width="8.88671875" style="268"/>
  </cols>
  <sheetData>
    <row r="1" spans="1:16" ht="16.2" x14ac:dyDescent="0.2">
      <c r="A1" s="265"/>
      <c r="B1" s="266" t="s">
        <v>284</v>
      </c>
      <c r="C1" s="266"/>
      <c r="D1" s="265"/>
      <c r="E1" s="265"/>
      <c r="F1" s="265"/>
      <c r="G1" s="265"/>
      <c r="H1" s="265"/>
      <c r="I1" s="265"/>
      <c r="J1" s="265"/>
      <c r="K1" s="265"/>
      <c r="L1" s="265"/>
      <c r="M1" s="265"/>
      <c r="N1" s="265"/>
      <c r="O1" s="265"/>
      <c r="P1" s="267"/>
    </row>
    <row r="2" spans="1:16" ht="21" x14ac:dyDescent="0.25">
      <c r="A2" s="265"/>
      <c r="B2" s="265"/>
      <c r="C2" s="265"/>
      <c r="D2" s="265"/>
      <c r="E2" s="265"/>
      <c r="F2" s="265"/>
      <c r="G2" s="265"/>
      <c r="H2" s="265"/>
      <c r="I2" s="265"/>
      <c r="J2" s="265"/>
      <c r="K2" s="269" t="s">
        <v>339</v>
      </c>
      <c r="L2" s="269"/>
      <c r="M2" s="265"/>
      <c r="N2" s="265"/>
      <c r="O2" s="265"/>
      <c r="P2" s="265"/>
    </row>
    <row r="3" spans="1:16" ht="21" customHeight="1" x14ac:dyDescent="0.2">
      <c r="A3" s="270" t="s">
        <v>286</v>
      </c>
      <c r="B3" s="270"/>
      <c r="C3" s="270"/>
      <c r="D3" s="270"/>
      <c r="E3" s="265"/>
      <c r="F3" s="265"/>
      <c r="G3" s="265"/>
      <c r="H3" s="265"/>
      <c r="I3" s="265"/>
      <c r="J3" s="265"/>
      <c r="K3" s="265"/>
      <c r="L3" s="265"/>
      <c r="M3" s="265"/>
      <c r="N3" s="265"/>
      <c r="O3" s="265"/>
      <c r="P3" s="265"/>
    </row>
    <row r="4" spans="1:16" ht="22.95" customHeight="1" x14ac:dyDescent="0.2">
      <c r="A4" s="265"/>
      <c r="B4" s="270" t="s">
        <v>287</v>
      </c>
      <c r="C4" s="265"/>
      <c r="D4" s="265"/>
      <c r="E4" s="265"/>
      <c r="F4" s="265"/>
      <c r="G4" s="265"/>
      <c r="H4" s="265"/>
      <c r="I4" s="265"/>
      <c r="J4" s="265"/>
      <c r="K4" s="271" t="s">
        <v>0</v>
      </c>
      <c r="L4" s="404"/>
      <c r="M4" s="404"/>
      <c r="N4" s="404"/>
      <c r="O4" s="404"/>
      <c r="P4" s="404"/>
    </row>
    <row r="5" spans="1:16" ht="22.95" customHeight="1" x14ac:dyDescent="0.2">
      <c r="A5" s="265"/>
      <c r="B5" s="265" t="s">
        <v>288</v>
      </c>
      <c r="C5" s="265"/>
      <c r="D5" s="265"/>
      <c r="E5" s="265"/>
      <c r="F5" s="265"/>
      <c r="G5" s="265"/>
      <c r="H5" s="265"/>
      <c r="I5" s="265"/>
      <c r="J5" s="265"/>
      <c r="K5" s="272" t="s">
        <v>1</v>
      </c>
      <c r="L5" s="405"/>
      <c r="M5" s="405"/>
      <c r="N5" s="272" t="s">
        <v>2</v>
      </c>
      <c r="O5" s="406"/>
      <c r="P5" s="406"/>
    </row>
    <row r="6" spans="1:16" ht="22.95" customHeight="1" x14ac:dyDescent="0.2">
      <c r="A6" s="265"/>
      <c r="B6" s="273" t="s">
        <v>340</v>
      </c>
      <c r="C6" s="265" t="s">
        <v>321</v>
      </c>
      <c r="D6" s="265"/>
      <c r="E6" s="265"/>
      <c r="F6" s="265"/>
      <c r="G6" s="265"/>
      <c r="H6" s="265"/>
      <c r="I6" s="265"/>
      <c r="J6" s="265"/>
      <c r="K6" s="272" t="s">
        <v>3</v>
      </c>
      <c r="L6" s="406"/>
      <c r="M6" s="406"/>
      <c r="N6" s="406"/>
      <c r="O6" s="406"/>
      <c r="P6" s="406"/>
    </row>
    <row r="7" spans="1:16" ht="22.95" customHeight="1" x14ac:dyDescent="0.2">
      <c r="A7" s="265"/>
      <c r="B7" s="273"/>
      <c r="C7" s="265" t="s">
        <v>290</v>
      </c>
      <c r="D7" s="265"/>
      <c r="E7" s="265"/>
      <c r="F7" s="265"/>
      <c r="G7" s="265"/>
      <c r="H7" s="265"/>
      <c r="I7" s="265"/>
      <c r="J7" s="265"/>
      <c r="K7" s="274"/>
      <c r="L7" s="275"/>
      <c r="M7" s="275"/>
      <c r="N7" s="275"/>
      <c r="O7" s="275"/>
      <c r="P7" s="275"/>
    </row>
    <row r="8" spans="1:16" x14ac:dyDescent="0.2">
      <c r="A8" s="265"/>
      <c r="B8" s="265"/>
      <c r="C8" s="265"/>
      <c r="D8" s="265"/>
      <c r="E8" s="265"/>
      <c r="F8" s="265"/>
      <c r="G8" s="265"/>
      <c r="H8" s="265"/>
      <c r="I8" s="265"/>
      <c r="J8" s="265"/>
      <c r="K8" s="265"/>
      <c r="L8" s="265"/>
      <c r="M8" s="265"/>
      <c r="N8" s="265"/>
      <c r="O8" s="265"/>
      <c r="P8" s="265"/>
    </row>
    <row r="9" spans="1:16" s="280" customFormat="1" x14ac:dyDescent="0.2">
      <c r="A9" s="276"/>
      <c r="B9" s="407" t="s">
        <v>341</v>
      </c>
      <c r="C9" s="408"/>
      <c r="D9" s="413" t="s">
        <v>323</v>
      </c>
      <c r="E9" s="407" t="s">
        <v>342</v>
      </c>
      <c r="F9" s="417"/>
      <c r="G9" s="408"/>
      <c r="H9" s="277"/>
      <c r="I9" s="278" t="s">
        <v>294</v>
      </c>
      <c r="J9" s="279"/>
      <c r="K9" s="419" t="s">
        <v>325</v>
      </c>
      <c r="L9" s="420"/>
      <c r="M9" s="423" t="s">
        <v>326</v>
      </c>
      <c r="N9" s="424"/>
      <c r="O9" s="425"/>
      <c r="P9" s="389" t="s">
        <v>327</v>
      </c>
    </row>
    <row r="10" spans="1:16" x14ac:dyDescent="0.2">
      <c r="A10" s="265"/>
      <c r="B10" s="409"/>
      <c r="C10" s="410"/>
      <c r="D10" s="414"/>
      <c r="E10" s="409"/>
      <c r="F10" s="500"/>
      <c r="G10" s="410"/>
      <c r="H10" s="392" t="s">
        <v>343</v>
      </c>
      <c r="I10" s="394" t="s">
        <v>329</v>
      </c>
      <c r="J10" s="396" t="s">
        <v>344</v>
      </c>
      <c r="K10" s="421"/>
      <c r="L10" s="421"/>
      <c r="M10" s="426"/>
      <c r="N10" s="427"/>
      <c r="O10" s="428"/>
      <c r="P10" s="390"/>
    </row>
    <row r="11" spans="1:16" ht="28.95" customHeight="1" x14ac:dyDescent="0.2">
      <c r="A11" s="265"/>
      <c r="B11" s="411"/>
      <c r="C11" s="412"/>
      <c r="D11" s="415"/>
      <c r="E11" s="501"/>
      <c r="F11" s="502"/>
      <c r="G11" s="503"/>
      <c r="H11" s="393"/>
      <c r="I11" s="395"/>
      <c r="J11" s="397"/>
      <c r="K11" s="422"/>
      <c r="L11" s="422"/>
      <c r="M11" s="429"/>
      <c r="N11" s="430"/>
      <c r="O11" s="431"/>
      <c r="P11" s="391"/>
    </row>
    <row r="12" spans="1:16" ht="15" customHeight="1" x14ac:dyDescent="0.2">
      <c r="A12" s="265"/>
      <c r="B12" s="490" t="s">
        <v>345</v>
      </c>
      <c r="C12" s="491"/>
      <c r="D12" s="464" t="s">
        <v>346</v>
      </c>
      <c r="E12" s="328" t="s">
        <v>4</v>
      </c>
      <c r="F12" s="329" t="s">
        <v>347</v>
      </c>
      <c r="G12" s="330" t="s">
        <v>348</v>
      </c>
      <c r="H12" s="494" t="s">
        <v>315</v>
      </c>
      <c r="I12" s="496" t="s">
        <v>349</v>
      </c>
      <c r="J12" s="498"/>
      <c r="K12" s="455" t="s">
        <v>334</v>
      </c>
      <c r="L12" s="456"/>
      <c r="M12" s="455" t="s">
        <v>335</v>
      </c>
      <c r="N12" s="461"/>
      <c r="O12" s="456"/>
      <c r="P12" s="464" t="s">
        <v>311</v>
      </c>
    </row>
    <row r="13" spans="1:16" ht="15.6" customHeight="1" x14ac:dyDescent="0.2">
      <c r="A13" s="265"/>
      <c r="B13" s="468"/>
      <c r="C13" s="469"/>
      <c r="D13" s="441"/>
      <c r="E13" s="331" t="s">
        <v>11</v>
      </c>
      <c r="F13" s="332" t="s">
        <v>308</v>
      </c>
      <c r="G13" s="333" t="s">
        <v>308</v>
      </c>
      <c r="H13" s="474"/>
      <c r="I13" s="477"/>
      <c r="J13" s="480"/>
      <c r="K13" s="457"/>
      <c r="L13" s="458"/>
      <c r="M13" s="457"/>
      <c r="N13" s="462"/>
      <c r="O13" s="458"/>
      <c r="P13" s="441"/>
    </row>
    <row r="14" spans="1:16" ht="15.6" customHeight="1" x14ac:dyDescent="0.2">
      <c r="A14" s="265"/>
      <c r="B14" s="468"/>
      <c r="C14" s="469"/>
      <c r="D14" s="441"/>
      <c r="E14" s="334" t="s">
        <v>9</v>
      </c>
      <c r="F14" s="335" t="s">
        <v>350</v>
      </c>
      <c r="G14" s="336" t="s">
        <v>351</v>
      </c>
      <c r="H14" s="474"/>
      <c r="I14" s="477"/>
      <c r="J14" s="480"/>
      <c r="K14" s="457"/>
      <c r="L14" s="458"/>
      <c r="M14" s="457"/>
      <c r="N14" s="462"/>
      <c r="O14" s="458"/>
      <c r="P14" s="441"/>
    </row>
    <row r="15" spans="1:16" ht="15.6" customHeight="1" x14ac:dyDescent="0.2">
      <c r="A15" s="265"/>
      <c r="B15" s="492"/>
      <c r="C15" s="493"/>
      <c r="D15" s="465"/>
      <c r="E15" s="331" t="s">
        <v>11</v>
      </c>
      <c r="F15" s="332">
        <v>0</v>
      </c>
      <c r="G15" s="333">
        <v>0</v>
      </c>
      <c r="H15" s="495"/>
      <c r="I15" s="497"/>
      <c r="J15" s="499"/>
      <c r="K15" s="459"/>
      <c r="L15" s="460"/>
      <c r="M15" s="459"/>
      <c r="N15" s="463"/>
      <c r="O15" s="460"/>
      <c r="P15" s="465"/>
    </row>
    <row r="16" spans="1:16" ht="15.6" customHeight="1" x14ac:dyDescent="0.2">
      <c r="A16" s="265"/>
      <c r="B16" s="466" t="s">
        <v>352</v>
      </c>
      <c r="C16" s="467"/>
      <c r="D16" s="472" t="s">
        <v>13</v>
      </c>
      <c r="E16" s="334" t="s">
        <v>4</v>
      </c>
      <c r="F16" s="335" t="s">
        <v>347</v>
      </c>
      <c r="G16" s="336" t="s">
        <v>348</v>
      </c>
      <c r="H16" s="473" t="s">
        <v>353</v>
      </c>
      <c r="I16" s="476"/>
      <c r="J16" s="479" t="s">
        <v>353</v>
      </c>
      <c r="K16" s="482" t="s">
        <v>354</v>
      </c>
      <c r="L16" s="483"/>
      <c r="M16" s="486">
        <v>44188</v>
      </c>
      <c r="N16" s="487"/>
      <c r="O16" s="488"/>
      <c r="P16" s="440" t="s">
        <v>355</v>
      </c>
    </row>
    <row r="17" spans="1:16" ht="15.6" customHeight="1" x14ac:dyDescent="0.2">
      <c r="A17" s="265"/>
      <c r="B17" s="468"/>
      <c r="C17" s="469"/>
      <c r="D17" s="441"/>
      <c r="E17" s="331" t="s">
        <v>11</v>
      </c>
      <c r="F17" s="331" t="s">
        <v>11</v>
      </c>
      <c r="G17" s="333" t="s">
        <v>356</v>
      </c>
      <c r="H17" s="474"/>
      <c r="I17" s="477"/>
      <c r="J17" s="480"/>
      <c r="K17" s="457"/>
      <c r="L17" s="458"/>
      <c r="M17" s="457"/>
      <c r="N17" s="462"/>
      <c r="O17" s="458"/>
      <c r="P17" s="441"/>
    </row>
    <row r="18" spans="1:16" ht="15.6" customHeight="1" x14ac:dyDescent="0.2">
      <c r="A18" s="265"/>
      <c r="B18" s="468"/>
      <c r="C18" s="469"/>
      <c r="D18" s="441"/>
      <c r="E18" s="334" t="s">
        <v>9</v>
      </c>
      <c r="F18" s="335" t="s">
        <v>350</v>
      </c>
      <c r="G18" s="336" t="s">
        <v>351</v>
      </c>
      <c r="H18" s="474"/>
      <c r="I18" s="477"/>
      <c r="J18" s="480"/>
      <c r="K18" s="457"/>
      <c r="L18" s="458"/>
      <c r="M18" s="457"/>
      <c r="N18" s="462"/>
      <c r="O18" s="458"/>
      <c r="P18" s="441"/>
    </row>
    <row r="19" spans="1:16" ht="15.6" customHeight="1" x14ac:dyDescent="0.2">
      <c r="A19" s="265"/>
      <c r="B19" s="470"/>
      <c r="C19" s="471"/>
      <c r="D19" s="442"/>
      <c r="E19" s="337" t="s">
        <v>10</v>
      </c>
      <c r="F19" s="338">
        <v>0</v>
      </c>
      <c r="G19" s="339">
        <v>0</v>
      </c>
      <c r="H19" s="475"/>
      <c r="I19" s="478"/>
      <c r="J19" s="481"/>
      <c r="K19" s="484"/>
      <c r="L19" s="485"/>
      <c r="M19" s="484"/>
      <c r="N19" s="489"/>
      <c r="O19" s="485"/>
      <c r="P19" s="442"/>
    </row>
    <row r="20" spans="1:16" ht="18" customHeight="1" x14ac:dyDescent="0.2">
      <c r="B20" s="443"/>
      <c r="C20" s="444"/>
      <c r="D20" s="449"/>
      <c r="E20" s="340" t="s">
        <v>301</v>
      </c>
      <c r="F20" s="341" t="s">
        <v>347</v>
      </c>
      <c r="G20" s="342" t="s">
        <v>348</v>
      </c>
      <c r="H20" s="369"/>
      <c r="I20" s="372"/>
      <c r="J20" s="375"/>
      <c r="K20" s="384"/>
      <c r="L20" s="386"/>
      <c r="M20" s="384"/>
      <c r="N20" s="385"/>
      <c r="O20" s="386"/>
      <c r="P20" s="350"/>
    </row>
    <row r="21" spans="1:16" ht="30" customHeight="1" x14ac:dyDescent="0.2">
      <c r="B21" s="445"/>
      <c r="C21" s="446"/>
      <c r="D21" s="351"/>
      <c r="E21" s="343"/>
      <c r="F21" s="305"/>
      <c r="G21" s="344"/>
      <c r="H21" s="370"/>
      <c r="I21" s="373"/>
      <c r="J21" s="376"/>
      <c r="K21" s="450"/>
      <c r="L21" s="451"/>
      <c r="M21" s="380"/>
      <c r="N21" s="454"/>
      <c r="O21" s="381"/>
      <c r="P21" s="351"/>
    </row>
    <row r="22" spans="1:16" ht="18" customHeight="1" x14ac:dyDescent="0.2">
      <c r="B22" s="445"/>
      <c r="C22" s="446"/>
      <c r="D22" s="351"/>
      <c r="E22" s="345" t="s">
        <v>357</v>
      </c>
      <c r="F22" s="346" t="s">
        <v>358</v>
      </c>
      <c r="G22" s="347" t="s">
        <v>359</v>
      </c>
      <c r="H22" s="370"/>
      <c r="I22" s="373"/>
      <c r="J22" s="376"/>
      <c r="K22" s="450"/>
      <c r="L22" s="451"/>
      <c r="M22" s="380"/>
      <c r="N22" s="454"/>
      <c r="O22" s="381"/>
      <c r="P22" s="351"/>
    </row>
    <row r="23" spans="1:16" ht="30" customHeight="1" x14ac:dyDescent="0.2">
      <c r="B23" s="447"/>
      <c r="C23" s="448"/>
      <c r="D23" s="352"/>
      <c r="E23" s="348"/>
      <c r="F23" s="309"/>
      <c r="G23" s="349"/>
      <c r="H23" s="371"/>
      <c r="I23" s="374"/>
      <c r="J23" s="377"/>
      <c r="K23" s="452"/>
      <c r="L23" s="453"/>
      <c r="M23" s="382"/>
      <c r="N23" s="388"/>
      <c r="O23" s="383"/>
      <c r="P23" s="352"/>
    </row>
    <row r="24" spans="1:16" ht="38.4" customHeight="1" x14ac:dyDescent="0.2">
      <c r="B24" s="311" t="s">
        <v>6</v>
      </c>
      <c r="C24" s="353"/>
      <c r="D24" s="354"/>
      <c r="E24" s="354"/>
      <c r="F24" s="354"/>
      <c r="G24" s="354"/>
      <c r="H24" s="354"/>
      <c r="I24" s="354"/>
      <c r="J24" s="354"/>
      <c r="K24" s="354"/>
      <c r="L24" s="354"/>
      <c r="M24" s="354"/>
      <c r="N24" s="354"/>
      <c r="O24" s="354"/>
      <c r="P24" s="355"/>
    </row>
    <row r="26" spans="1:16" x14ac:dyDescent="0.2">
      <c r="D26" s="268" t="s">
        <v>318</v>
      </c>
    </row>
    <row r="27" spans="1:16" x14ac:dyDescent="0.2">
      <c r="D27" s="268" t="s">
        <v>319</v>
      </c>
    </row>
  </sheetData>
  <mergeCells count="38">
    <mergeCell ref="L4:P4"/>
    <mergeCell ref="L5:M5"/>
    <mergeCell ref="O5:P5"/>
    <mergeCell ref="L6:P6"/>
    <mergeCell ref="B9:C11"/>
    <mergeCell ref="D9:D11"/>
    <mergeCell ref="E9:G11"/>
    <mergeCell ref="K9:L11"/>
    <mergeCell ref="M9:O11"/>
    <mergeCell ref="P9:P11"/>
    <mergeCell ref="H10:H11"/>
    <mergeCell ref="I10:I11"/>
    <mergeCell ref="J10:J11"/>
    <mergeCell ref="B12:C15"/>
    <mergeCell ref="D12:D15"/>
    <mergeCell ref="H12:H15"/>
    <mergeCell ref="I12:I15"/>
    <mergeCell ref="J12:J15"/>
    <mergeCell ref="K12:L15"/>
    <mergeCell ref="M12:O15"/>
    <mergeCell ref="P12:P15"/>
    <mergeCell ref="B16:C19"/>
    <mergeCell ref="D16:D19"/>
    <mergeCell ref="H16:H19"/>
    <mergeCell ref="I16:I19"/>
    <mergeCell ref="J16:J19"/>
    <mergeCell ref="K16:L19"/>
    <mergeCell ref="M16:O19"/>
    <mergeCell ref="C24:P24"/>
    <mergeCell ref="P16:P19"/>
    <mergeCell ref="B20:C23"/>
    <mergeCell ref="D20:D23"/>
    <mergeCell ref="H20:H23"/>
    <mergeCell ref="I20:I23"/>
    <mergeCell ref="J20:J23"/>
    <mergeCell ref="K20:L23"/>
    <mergeCell ref="M20:O23"/>
    <mergeCell ref="P20:P23"/>
  </mergeCells>
  <phoneticPr fontId="2"/>
  <dataValidations count="1">
    <dataValidation type="list" allowBlank="1" showInputMessage="1" showErrorMessage="1" sqref="B6:B7">
      <formula1>"　,○"</formula1>
    </dataValidation>
  </dataValidations>
  <printOptions horizontalCentered="1" verticalCentered="1"/>
  <pageMargins left="0.59055118110236227" right="0.59055118110236227" top="0.59055118110236227" bottom="0.59055118110236227" header="0.31496062992125984" footer="0.31496062992125984"/>
  <pageSetup paperSize="9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T43"/>
  <sheetViews>
    <sheetView showGridLines="0" zoomScale="80" zoomScaleNormal="80" workbookViewId="0"/>
  </sheetViews>
  <sheetFormatPr defaultColWidth="9" defaultRowHeight="13.2" x14ac:dyDescent="0.2"/>
  <cols>
    <col min="1" max="1" width="10.109375" style="2" customWidth="1"/>
    <col min="2" max="2" width="4.77734375" style="1" customWidth="1"/>
    <col min="3" max="3" width="4.109375" style="2" customWidth="1"/>
    <col min="4" max="4" width="3.44140625" style="1" customWidth="1"/>
    <col min="5" max="5" width="18.6640625" style="2" customWidth="1"/>
    <col min="6" max="6" width="10.6640625" style="1" customWidth="1"/>
    <col min="7" max="7" width="10.6640625" style="2" customWidth="1"/>
    <col min="8" max="20" width="10.6640625" style="1" customWidth="1"/>
    <col min="21" max="16384" width="9" style="1"/>
  </cols>
  <sheetData>
    <row r="2" spans="1:20" ht="6.75" customHeight="1" x14ac:dyDescent="0.2">
      <c r="A2" s="97"/>
    </row>
    <row r="3" spans="1:20" ht="15" customHeight="1" x14ac:dyDescent="0.2">
      <c r="B3" s="96" t="s">
        <v>96</v>
      </c>
    </row>
    <row r="4" spans="1:20" ht="15.75" customHeight="1" x14ac:dyDescent="0.2">
      <c r="B4" s="95" t="s">
        <v>95</v>
      </c>
    </row>
    <row r="5" spans="1:20" ht="12.75" customHeight="1" x14ac:dyDescent="0.2">
      <c r="B5" s="94"/>
      <c r="C5" s="4"/>
      <c r="D5" s="93" t="s">
        <v>94</v>
      </c>
    </row>
    <row r="6" spans="1:20" ht="16.2" x14ac:dyDescent="0.2">
      <c r="B6" s="517" t="s">
        <v>93</v>
      </c>
      <c r="C6" s="517"/>
      <c r="D6" s="517"/>
      <c r="E6" s="517"/>
      <c r="F6" s="517"/>
      <c r="G6" s="517"/>
      <c r="H6" s="517"/>
      <c r="I6" s="517"/>
      <c r="J6" s="517"/>
      <c r="K6" s="517"/>
      <c r="L6" s="517"/>
      <c r="M6" s="517"/>
      <c r="N6" s="517"/>
      <c r="O6" s="517"/>
      <c r="P6" s="517"/>
      <c r="Q6" s="517"/>
      <c r="R6" s="517"/>
      <c r="S6" s="517"/>
      <c r="T6" s="517"/>
    </row>
    <row r="7" spans="1:20" ht="7.5" customHeight="1" thickBot="1" x14ac:dyDescent="0.25"/>
    <row r="8" spans="1:20" ht="22.5" customHeight="1" x14ac:dyDescent="0.2">
      <c r="B8" s="527"/>
      <c r="C8" s="92"/>
      <c r="D8" s="92"/>
      <c r="E8" s="92" t="s">
        <v>92</v>
      </c>
      <c r="F8" s="91" t="s">
        <v>91</v>
      </c>
      <c r="G8" s="90" t="s">
        <v>90</v>
      </c>
      <c r="H8" s="523" t="s">
        <v>89</v>
      </c>
      <c r="I8" s="524"/>
      <c r="J8" s="525"/>
      <c r="K8" s="90" t="s">
        <v>88</v>
      </c>
      <c r="L8" s="505" t="s">
        <v>87</v>
      </c>
      <c r="M8" s="506"/>
      <c r="N8" s="506"/>
      <c r="O8" s="507"/>
      <c r="P8" s="505" t="s">
        <v>86</v>
      </c>
      <c r="Q8" s="506"/>
      <c r="R8" s="506"/>
      <c r="S8" s="507"/>
      <c r="T8" s="89" t="s">
        <v>85</v>
      </c>
    </row>
    <row r="9" spans="1:20" ht="22.5" customHeight="1" x14ac:dyDescent="0.2">
      <c r="B9" s="528"/>
      <c r="C9" s="7"/>
      <c r="D9" s="7"/>
      <c r="E9" s="88" t="s">
        <v>84</v>
      </c>
      <c r="F9" s="87" t="s">
        <v>82</v>
      </c>
      <c r="G9" s="86" t="s">
        <v>82</v>
      </c>
      <c r="H9" s="518" t="s">
        <v>83</v>
      </c>
      <c r="I9" s="519"/>
      <c r="J9" s="520"/>
      <c r="K9" s="86" t="s">
        <v>82</v>
      </c>
      <c r="L9" s="85"/>
      <c r="M9" s="84"/>
      <c r="N9" s="84"/>
      <c r="O9" s="83"/>
      <c r="P9" s="82"/>
      <c r="Q9" s="7"/>
      <c r="R9" s="7"/>
      <c r="S9" s="81"/>
      <c r="T9" s="76"/>
    </row>
    <row r="10" spans="1:20" ht="22.5" customHeight="1" thickBot="1" x14ac:dyDescent="0.25">
      <c r="B10" s="80" t="s">
        <v>81</v>
      </c>
      <c r="C10" s="79"/>
      <c r="D10" s="509" t="s">
        <v>80</v>
      </c>
      <c r="E10" s="509"/>
      <c r="F10" s="78" t="s">
        <v>78</v>
      </c>
      <c r="G10" s="77" t="s">
        <v>78</v>
      </c>
      <c r="H10" s="77" t="s">
        <v>77</v>
      </c>
      <c r="I10" s="521" t="s">
        <v>79</v>
      </c>
      <c r="J10" s="522"/>
      <c r="K10" s="77" t="s">
        <v>78</v>
      </c>
      <c r="L10" s="77" t="s">
        <v>77</v>
      </c>
      <c r="M10" s="521" t="s">
        <v>76</v>
      </c>
      <c r="N10" s="526"/>
      <c r="O10" s="522"/>
      <c r="P10" s="508" t="s">
        <v>75</v>
      </c>
      <c r="Q10" s="509"/>
      <c r="R10" s="509"/>
      <c r="S10" s="510"/>
      <c r="T10" s="76" t="s">
        <v>74</v>
      </c>
    </row>
    <row r="11" spans="1:20" ht="21" customHeight="1" x14ac:dyDescent="0.2">
      <c r="B11" s="75"/>
      <c r="C11" s="74" t="s">
        <v>55</v>
      </c>
      <c r="D11" s="511" t="s">
        <v>73</v>
      </c>
      <c r="E11" s="512"/>
      <c r="F11" s="73" t="s">
        <v>64</v>
      </c>
      <c r="G11" s="68" t="s">
        <v>70</v>
      </c>
      <c r="H11" s="68" t="s">
        <v>72</v>
      </c>
      <c r="I11" s="71" t="s">
        <v>68</v>
      </c>
      <c r="J11" s="70" t="s">
        <v>67</v>
      </c>
      <c r="K11" s="68" t="s">
        <v>71</v>
      </c>
      <c r="L11" s="68" t="s">
        <v>70</v>
      </c>
      <c r="M11" s="71" t="s">
        <v>69</v>
      </c>
      <c r="N11" s="72" t="s">
        <v>69</v>
      </c>
      <c r="O11" s="69" t="s">
        <v>64</v>
      </c>
      <c r="P11" s="71" t="s">
        <v>68</v>
      </c>
      <c r="Q11" s="70" t="s">
        <v>67</v>
      </c>
      <c r="R11" s="69" t="s">
        <v>66</v>
      </c>
      <c r="S11" s="68" t="s">
        <v>65</v>
      </c>
      <c r="T11" s="67" t="s">
        <v>64</v>
      </c>
    </row>
    <row r="12" spans="1:20" ht="21" customHeight="1" x14ac:dyDescent="0.2">
      <c r="B12" s="49"/>
      <c r="C12" s="33" t="s">
        <v>21</v>
      </c>
      <c r="D12" s="513" t="s">
        <v>62</v>
      </c>
      <c r="E12" s="514"/>
      <c r="F12" s="66"/>
      <c r="G12" s="61"/>
      <c r="H12" s="61"/>
      <c r="I12" s="64"/>
      <c r="J12" s="65"/>
      <c r="K12" s="61"/>
      <c r="L12" s="61"/>
      <c r="M12" s="64"/>
      <c r="N12" s="63"/>
      <c r="O12" s="62"/>
      <c r="P12" s="64"/>
      <c r="Q12" s="63"/>
      <c r="R12" s="62"/>
      <c r="S12" s="61"/>
      <c r="T12" s="60"/>
    </row>
    <row r="13" spans="1:20" ht="21" customHeight="1" x14ac:dyDescent="0.2">
      <c r="B13" s="49"/>
      <c r="C13" s="33" t="s">
        <v>36</v>
      </c>
      <c r="D13" s="513" t="s">
        <v>54</v>
      </c>
      <c r="E13" s="514"/>
      <c r="F13" s="31"/>
      <c r="G13" s="30"/>
      <c r="H13" s="25"/>
      <c r="I13" s="28"/>
      <c r="J13" s="29"/>
      <c r="K13" s="25"/>
      <c r="L13" s="25"/>
      <c r="M13" s="28"/>
      <c r="N13" s="27"/>
      <c r="O13" s="26"/>
      <c r="P13" s="28"/>
      <c r="Q13" s="27"/>
      <c r="R13" s="26"/>
      <c r="S13" s="25"/>
      <c r="T13" s="24"/>
    </row>
    <row r="14" spans="1:20" ht="21" customHeight="1" thickBot="1" x14ac:dyDescent="0.25">
      <c r="B14" s="59" t="s">
        <v>61</v>
      </c>
      <c r="C14" s="33" t="s">
        <v>30</v>
      </c>
      <c r="D14" s="515" t="s">
        <v>25</v>
      </c>
      <c r="E14" s="516"/>
      <c r="F14" s="23"/>
      <c r="G14" s="22"/>
      <c r="H14" s="17"/>
      <c r="I14" s="20"/>
      <c r="J14" s="21"/>
      <c r="K14" s="17"/>
      <c r="L14" s="17"/>
      <c r="M14" s="20"/>
      <c r="N14" s="19"/>
      <c r="O14" s="18"/>
      <c r="P14" s="20"/>
      <c r="Q14" s="19"/>
      <c r="R14" s="18"/>
      <c r="S14" s="17"/>
      <c r="T14" s="16"/>
    </row>
    <row r="15" spans="1:20" ht="21" customHeight="1" thickTop="1" x14ac:dyDescent="0.2">
      <c r="B15" s="50" t="s">
        <v>60</v>
      </c>
      <c r="C15" s="42"/>
      <c r="D15" s="58" t="s">
        <v>59</v>
      </c>
      <c r="E15" s="51" t="s">
        <v>58</v>
      </c>
      <c r="F15" s="41"/>
      <c r="G15" s="40"/>
      <c r="H15" s="35"/>
      <c r="I15" s="38"/>
      <c r="J15" s="39"/>
      <c r="K15" s="35"/>
      <c r="L15" s="35"/>
      <c r="M15" s="38"/>
      <c r="N15" s="37"/>
      <c r="O15" s="36"/>
      <c r="P15" s="38"/>
      <c r="Q15" s="37"/>
      <c r="R15" s="36"/>
      <c r="S15" s="35"/>
      <c r="T15" s="34"/>
    </row>
    <row r="16" spans="1:20" ht="27.75" customHeight="1" x14ac:dyDescent="0.2">
      <c r="B16" s="49"/>
      <c r="C16" s="33"/>
      <c r="D16" s="57" t="s">
        <v>57</v>
      </c>
      <c r="E16" s="56" t="s">
        <v>56</v>
      </c>
      <c r="F16" s="31"/>
      <c r="G16" s="30"/>
      <c r="H16" s="25"/>
      <c r="I16" s="28"/>
      <c r="J16" s="29"/>
      <c r="K16" s="25"/>
      <c r="L16" s="25"/>
      <c r="M16" s="28"/>
      <c r="N16" s="27"/>
      <c r="O16" s="26"/>
      <c r="P16" s="28"/>
      <c r="Q16" s="27"/>
      <c r="R16" s="26"/>
      <c r="S16" s="25"/>
      <c r="T16" s="24"/>
    </row>
    <row r="17" spans="1:20" ht="21" customHeight="1" x14ac:dyDescent="0.2">
      <c r="B17" s="50" t="s">
        <v>55</v>
      </c>
      <c r="C17" s="33" t="s">
        <v>55</v>
      </c>
      <c r="D17" s="55" t="s">
        <v>34</v>
      </c>
      <c r="E17" s="47" t="s">
        <v>54</v>
      </c>
      <c r="F17" s="31"/>
      <c r="G17" s="30"/>
      <c r="H17" s="54"/>
      <c r="I17" s="28"/>
      <c r="J17" s="29"/>
      <c r="K17" s="25"/>
      <c r="L17" s="25"/>
      <c r="M17" s="28"/>
      <c r="N17" s="27"/>
      <c r="O17" s="26"/>
      <c r="P17" s="28"/>
      <c r="Q17" s="27"/>
      <c r="R17" s="26"/>
      <c r="S17" s="25"/>
      <c r="T17" s="24"/>
    </row>
    <row r="18" spans="1:20" ht="21" customHeight="1" thickBot="1" x14ac:dyDescent="0.25">
      <c r="B18" s="49"/>
      <c r="C18" s="33"/>
      <c r="D18" s="53" t="s">
        <v>29</v>
      </c>
      <c r="E18" s="43" t="s">
        <v>25</v>
      </c>
      <c r="F18" s="23"/>
      <c r="G18" s="22"/>
      <c r="H18" s="17"/>
      <c r="I18" s="20"/>
      <c r="J18" s="21"/>
      <c r="K18" s="17"/>
      <c r="L18" s="17"/>
      <c r="M18" s="20"/>
      <c r="N18" s="19"/>
      <c r="O18" s="18"/>
      <c r="P18" s="20"/>
      <c r="Q18" s="19"/>
      <c r="R18" s="18"/>
      <c r="S18" s="17"/>
      <c r="T18" s="16"/>
    </row>
    <row r="19" spans="1:20" ht="21" customHeight="1" thickTop="1" x14ac:dyDescent="0.2">
      <c r="B19" s="49"/>
      <c r="C19" s="33" t="s">
        <v>53</v>
      </c>
      <c r="D19" s="52"/>
      <c r="E19" s="51" t="s">
        <v>52</v>
      </c>
      <c r="F19" s="41"/>
      <c r="G19" s="40"/>
      <c r="H19" s="35"/>
      <c r="I19" s="38"/>
      <c r="J19" s="39"/>
      <c r="K19" s="35"/>
      <c r="L19" s="35"/>
      <c r="M19" s="38"/>
      <c r="N19" s="37"/>
      <c r="O19" s="36"/>
      <c r="P19" s="38"/>
      <c r="Q19" s="37"/>
      <c r="R19" s="36"/>
      <c r="S19" s="35"/>
      <c r="T19" s="34"/>
    </row>
    <row r="20" spans="1:20" ht="21" customHeight="1" x14ac:dyDescent="0.2">
      <c r="A20" s="504"/>
      <c r="B20" s="50" t="s">
        <v>23</v>
      </c>
      <c r="C20" s="33" t="s">
        <v>51</v>
      </c>
      <c r="D20" s="48"/>
      <c r="E20" s="47" t="s">
        <v>50</v>
      </c>
      <c r="F20" s="31"/>
      <c r="G20" s="30"/>
      <c r="H20" s="25"/>
      <c r="I20" s="28"/>
      <c r="J20" s="29"/>
      <c r="K20" s="25"/>
      <c r="L20" s="25"/>
      <c r="M20" s="28"/>
      <c r="N20" s="27"/>
      <c r="O20" s="26"/>
      <c r="P20" s="28"/>
      <c r="Q20" s="27"/>
      <c r="R20" s="26"/>
      <c r="S20" s="25"/>
      <c r="T20" s="24"/>
    </row>
    <row r="21" spans="1:20" ht="21" customHeight="1" x14ac:dyDescent="0.2">
      <c r="A21" s="504"/>
      <c r="B21" s="49" t="s">
        <v>40</v>
      </c>
      <c r="C21" s="33" t="s">
        <v>49</v>
      </c>
      <c r="D21" s="33" t="s">
        <v>48</v>
      </c>
      <c r="E21" s="47" t="s">
        <v>47</v>
      </c>
      <c r="F21" s="31"/>
      <c r="G21" s="30"/>
      <c r="H21" s="25"/>
      <c r="I21" s="28"/>
      <c r="J21" s="29"/>
      <c r="K21" s="25"/>
      <c r="L21" s="25"/>
      <c r="M21" s="28"/>
      <c r="N21" s="27"/>
      <c r="O21" s="26"/>
      <c r="P21" s="28"/>
      <c r="Q21" s="27"/>
      <c r="R21" s="26"/>
      <c r="S21" s="25"/>
      <c r="T21" s="24"/>
    </row>
    <row r="22" spans="1:20" ht="21" customHeight="1" x14ac:dyDescent="0.2">
      <c r="A22" s="504"/>
      <c r="B22" s="49"/>
      <c r="C22" s="33"/>
      <c r="D22" s="33"/>
      <c r="E22" s="47" t="s">
        <v>46</v>
      </c>
      <c r="F22" s="31"/>
      <c r="G22" s="30"/>
      <c r="H22" s="25"/>
      <c r="I22" s="28"/>
      <c r="J22" s="29"/>
      <c r="K22" s="25"/>
      <c r="L22" s="25"/>
      <c r="M22" s="28"/>
      <c r="N22" s="27"/>
      <c r="O22" s="26"/>
      <c r="P22" s="28"/>
      <c r="Q22" s="27"/>
      <c r="R22" s="26"/>
      <c r="S22" s="25"/>
      <c r="T22" s="24"/>
    </row>
    <row r="23" spans="1:20" ht="21" customHeight="1" x14ac:dyDescent="0.2">
      <c r="A23" s="504"/>
      <c r="B23" s="50" t="s">
        <v>22</v>
      </c>
      <c r="C23" s="33" t="s">
        <v>45</v>
      </c>
      <c r="D23" s="33" t="s">
        <v>44</v>
      </c>
      <c r="E23" s="47" t="s">
        <v>43</v>
      </c>
      <c r="F23" s="31"/>
      <c r="G23" s="30"/>
      <c r="H23" s="25"/>
      <c r="I23" s="28"/>
      <c r="J23" s="29"/>
      <c r="K23" s="25"/>
      <c r="L23" s="25"/>
      <c r="M23" s="28"/>
      <c r="N23" s="27"/>
      <c r="O23" s="26"/>
      <c r="P23" s="28"/>
      <c r="Q23" s="27"/>
      <c r="R23" s="26"/>
      <c r="S23" s="25"/>
      <c r="T23" s="24"/>
    </row>
    <row r="24" spans="1:20" ht="21" customHeight="1" x14ac:dyDescent="0.2">
      <c r="B24" s="49"/>
      <c r="C24" s="33"/>
      <c r="D24" s="33"/>
      <c r="E24" s="47" t="s">
        <v>42</v>
      </c>
      <c r="F24" s="31"/>
      <c r="G24" s="30"/>
      <c r="H24" s="25"/>
      <c r="I24" s="28"/>
      <c r="J24" s="29"/>
      <c r="K24" s="25"/>
      <c r="L24" s="25"/>
      <c r="M24" s="28"/>
      <c r="N24" s="27"/>
      <c r="O24" s="26"/>
      <c r="P24" s="28"/>
      <c r="Q24" s="27"/>
      <c r="R24" s="26"/>
      <c r="S24" s="25"/>
      <c r="T24" s="24"/>
    </row>
    <row r="25" spans="1:20" ht="21" customHeight="1" x14ac:dyDescent="0.2">
      <c r="B25" s="49" t="s">
        <v>41</v>
      </c>
      <c r="C25" s="33" t="s">
        <v>40</v>
      </c>
      <c r="D25" s="33" t="s">
        <v>38</v>
      </c>
      <c r="E25" s="47" t="s">
        <v>37</v>
      </c>
      <c r="F25" s="31"/>
      <c r="G25" s="30"/>
      <c r="H25" s="25"/>
      <c r="I25" s="28"/>
      <c r="J25" s="29"/>
      <c r="K25" s="25"/>
      <c r="L25" s="25"/>
      <c r="M25" s="28"/>
      <c r="N25" s="27"/>
      <c r="O25" s="26"/>
      <c r="P25" s="28"/>
      <c r="Q25" s="27"/>
      <c r="R25" s="26"/>
      <c r="S25" s="25"/>
      <c r="T25" s="24"/>
    </row>
    <row r="26" spans="1:20" ht="21" customHeight="1" x14ac:dyDescent="0.2">
      <c r="B26" s="50" t="s">
        <v>21</v>
      </c>
      <c r="C26" s="33" t="s">
        <v>36</v>
      </c>
      <c r="D26" s="33"/>
      <c r="E26" s="47" t="s">
        <v>35</v>
      </c>
      <c r="F26" s="31"/>
      <c r="G26" s="30"/>
      <c r="H26" s="25"/>
      <c r="I26" s="28"/>
      <c r="J26" s="29"/>
      <c r="K26" s="25"/>
      <c r="L26" s="25"/>
      <c r="M26" s="28"/>
      <c r="N26" s="27"/>
      <c r="O26" s="26"/>
      <c r="P26" s="28"/>
      <c r="Q26" s="27"/>
      <c r="R26" s="26"/>
      <c r="S26" s="25"/>
      <c r="T26" s="24"/>
    </row>
    <row r="27" spans="1:20" ht="21" customHeight="1" x14ac:dyDescent="0.2">
      <c r="B27" s="50"/>
      <c r="C27" s="33"/>
      <c r="D27" s="33" t="s">
        <v>34</v>
      </c>
      <c r="E27" s="47" t="s">
        <v>33</v>
      </c>
      <c r="F27" s="31"/>
      <c r="G27" s="30"/>
      <c r="H27" s="25"/>
      <c r="I27" s="28"/>
      <c r="J27" s="29"/>
      <c r="K27" s="25"/>
      <c r="L27" s="25"/>
      <c r="M27" s="28"/>
      <c r="N27" s="27"/>
      <c r="O27" s="26"/>
      <c r="P27" s="28"/>
      <c r="Q27" s="27"/>
      <c r="R27" s="26"/>
      <c r="S27" s="25"/>
      <c r="T27" s="24"/>
    </row>
    <row r="28" spans="1:20" ht="21" customHeight="1" x14ac:dyDescent="0.2">
      <c r="B28" s="50"/>
      <c r="C28" s="33"/>
      <c r="D28" s="33"/>
      <c r="E28" s="47" t="s">
        <v>32</v>
      </c>
      <c r="F28" s="31"/>
      <c r="G28" s="30"/>
      <c r="H28" s="25"/>
      <c r="I28" s="28"/>
      <c r="J28" s="29"/>
      <c r="K28" s="25"/>
      <c r="L28" s="25"/>
      <c r="M28" s="28"/>
      <c r="N28" s="27"/>
      <c r="O28" s="26"/>
      <c r="P28" s="28"/>
      <c r="Q28" s="27"/>
      <c r="R28" s="26"/>
      <c r="S28" s="25"/>
      <c r="T28" s="24"/>
    </row>
    <row r="29" spans="1:20" ht="21" customHeight="1" x14ac:dyDescent="0.2">
      <c r="B29" s="50" t="s">
        <v>31</v>
      </c>
      <c r="C29" s="33" t="s">
        <v>30</v>
      </c>
      <c r="D29" s="33" t="s">
        <v>29</v>
      </c>
      <c r="E29" s="47" t="s">
        <v>28</v>
      </c>
      <c r="F29" s="31"/>
      <c r="G29" s="30"/>
      <c r="H29" s="25"/>
      <c r="I29" s="28"/>
      <c r="J29" s="29"/>
      <c r="K29" s="25"/>
      <c r="L29" s="25"/>
      <c r="M29" s="28"/>
      <c r="N29" s="27"/>
      <c r="O29" s="26"/>
      <c r="P29" s="28"/>
      <c r="Q29" s="27"/>
      <c r="R29" s="26"/>
      <c r="S29" s="25"/>
      <c r="T29" s="24"/>
    </row>
    <row r="30" spans="1:20" ht="21" customHeight="1" x14ac:dyDescent="0.2">
      <c r="B30" s="49"/>
      <c r="C30" s="33"/>
      <c r="D30" s="48"/>
      <c r="E30" s="47" t="s">
        <v>27</v>
      </c>
      <c r="F30" s="31"/>
      <c r="G30" s="30"/>
      <c r="H30" s="25"/>
      <c r="I30" s="28"/>
      <c r="J30" s="29"/>
      <c r="K30" s="25"/>
      <c r="L30" s="25"/>
      <c r="M30" s="28"/>
      <c r="N30" s="27"/>
      <c r="O30" s="26"/>
      <c r="P30" s="28"/>
      <c r="Q30" s="27"/>
      <c r="R30" s="26"/>
      <c r="S30" s="25"/>
      <c r="T30" s="24"/>
    </row>
    <row r="31" spans="1:20" ht="21" customHeight="1" x14ac:dyDescent="0.2">
      <c r="B31" s="49"/>
      <c r="C31" s="33"/>
      <c r="D31" s="48"/>
      <c r="E31" s="47" t="s">
        <v>26</v>
      </c>
      <c r="F31" s="31"/>
      <c r="G31" s="30"/>
      <c r="H31" s="25"/>
      <c r="I31" s="28"/>
      <c r="J31" s="29"/>
      <c r="K31" s="25"/>
      <c r="L31" s="25"/>
      <c r="M31" s="28"/>
      <c r="N31" s="27"/>
      <c r="O31" s="26"/>
      <c r="P31" s="28"/>
      <c r="Q31" s="27"/>
      <c r="R31" s="26"/>
      <c r="S31" s="25"/>
      <c r="T31" s="24"/>
    </row>
    <row r="32" spans="1:20" ht="21" customHeight="1" thickBot="1" x14ac:dyDescent="0.25">
      <c r="B32" s="46"/>
      <c r="C32" s="45"/>
      <c r="D32" s="44"/>
      <c r="E32" s="43" t="s">
        <v>25</v>
      </c>
      <c r="F32" s="23"/>
      <c r="G32" s="22"/>
      <c r="H32" s="17"/>
      <c r="I32" s="20"/>
      <c r="J32" s="21"/>
      <c r="K32" s="17"/>
      <c r="L32" s="17"/>
      <c r="M32" s="20"/>
      <c r="N32" s="19"/>
      <c r="O32" s="18"/>
      <c r="P32" s="20"/>
      <c r="Q32" s="19"/>
      <c r="R32" s="18"/>
      <c r="S32" s="17"/>
      <c r="T32" s="16"/>
    </row>
    <row r="33" spans="2:20" ht="26.25" customHeight="1" thickTop="1" x14ac:dyDescent="0.2">
      <c r="B33" s="537" t="s">
        <v>24</v>
      </c>
      <c r="C33" s="42" t="s">
        <v>23</v>
      </c>
      <c r="D33" s="534"/>
      <c r="E33" s="535"/>
      <c r="F33" s="41"/>
      <c r="G33" s="40"/>
      <c r="H33" s="35"/>
      <c r="I33" s="38"/>
      <c r="J33" s="39"/>
      <c r="K33" s="35"/>
      <c r="L33" s="35"/>
      <c r="M33" s="38"/>
      <c r="N33" s="37"/>
      <c r="O33" s="36"/>
      <c r="P33" s="38"/>
      <c r="Q33" s="37"/>
      <c r="R33" s="36"/>
      <c r="S33" s="35"/>
      <c r="T33" s="34"/>
    </row>
    <row r="34" spans="2:20" ht="26.25" customHeight="1" x14ac:dyDescent="0.2">
      <c r="B34" s="538"/>
      <c r="C34" s="33" t="s">
        <v>22</v>
      </c>
      <c r="D34" s="518"/>
      <c r="E34" s="519"/>
      <c r="F34" s="31"/>
      <c r="G34" s="30"/>
      <c r="H34" s="25"/>
      <c r="I34" s="28"/>
      <c r="J34" s="29"/>
      <c r="K34" s="25"/>
      <c r="L34" s="25"/>
      <c r="M34" s="28"/>
      <c r="N34" s="27"/>
      <c r="O34" s="26"/>
      <c r="P34" s="28"/>
      <c r="Q34" s="27"/>
      <c r="R34" s="26"/>
      <c r="S34" s="25"/>
      <c r="T34" s="24"/>
    </row>
    <row r="35" spans="2:20" ht="26.25" customHeight="1" x14ac:dyDescent="0.2">
      <c r="B35" s="539"/>
      <c r="C35" s="32" t="s">
        <v>21</v>
      </c>
      <c r="D35" s="518"/>
      <c r="E35" s="519"/>
      <c r="F35" s="31"/>
      <c r="G35" s="30"/>
      <c r="H35" s="25"/>
      <c r="I35" s="28"/>
      <c r="J35" s="29"/>
      <c r="K35" s="25"/>
      <c r="L35" s="25"/>
      <c r="M35" s="28"/>
      <c r="N35" s="27"/>
      <c r="O35" s="26"/>
      <c r="P35" s="28"/>
      <c r="Q35" s="27"/>
      <c r="R35" s="26"/>
      <c r="S35" s="25"/>
      <c r="T35" s="24"/>
    </row>
    <row r="36" spans="2:20" ht="21" customHeight="1" x14ac:dyDescent="0.2">
      <c r="B36" s="536" t="s">
        <v>20</v>
      </c>
      <c r="C36" s="519"/>
      <c r="D36" s="519"/>
      <c r="E36" s="519"/>
      <c r="F36" s="31"/>
      <c r="G36" s="30"/>
      <c r="H36" s="25"/>
      <c r="I36" s="28"/>
      <c r="J36" s="29"/>
      <c r="K36" s="25"/>
      <c r="L36" s="25"/>
      <c r="M36" s="28"/>
      <c r="N36" s="27"/>
      <c r="O36" s="26"/>
      <c r="P36" s="28"/>
      <c r="Q36" s="27"/>
      <c r="R36" s="26"/>
      <c r="S36" s="25"/>
      <c r="T36" s="24"/>
    </row>
    <row r="37" spans="2:20" ht="26.25" customHeight="1" x14ac:dyDescent="0.2">
      <c r="B37" s="529" t="s">
        <v>19</v>
      </c>
      <c r="C37" s="532" t="s">
        <v>18</v>
      </c>
      <c r="D37" s="518"/>
      <c r="E37" s="519"/>
      <c r="F37" s="31"/>
      <c r="G37" s="30"/>
      <c r="H37" s="25"/>
      <c r="I37" s="28"/>
      <c r="J37" s="29"/>
      <c r="K37" s="25"/>
      <c r="L37" s="25"/>
      <c r="M37" s="28"/>
      <c r="N37" s="27"/>
      <c r="O37" s="26"/>
      <c r="P37" s="28"/>
      <c r="Q37" s="27"/>
      <c r="R37" s="26"/>
      <c r="S37" s="25"/>
      <c r="T37" s="24"/>
    </row>
    <row r="38" spans="2:20" ht="26.25" customHeight="1" x14ac:dyDescent="0.2">
      <c r="B38" s="530"/>
      <c r="C38" s="533"/>
      <c r="D38" s="518"/>
      <c r="E38" s="519"/>
      <c r="F38" s="23"/>
      <c r="G38" s="22"/>
      <c r="H38" s="17"/>
      <c r="I38" s="20"/>
      <c r="J38" s="21"/>
      <c r="K38" s="17"/>
      <c r="L38" s="17"/>
      <c r="M38" s="20"/>
      <c r="N38" s="19"/>
      <c r="O38" s="18"/>
      <c r="P38" s="20"/>
      <c r="Q38" s="19"/>
      <c r="R38" s="18"/>
      <c r="S38" s="17"/>
      <c r="T38" s="16"/>
    </row>
    <row r="39" spans="2:20" ht="20.25" customHeight="1" thickBot="1" x14ac:dyDescent="0.25">
      <c r="B39" s="531" t="s">
        <v>17</v>
      </c>
      <c r="C39" s="526"/>
      <c r="D39" s="526"/>
      <c r="E39" s="526"/>
      <c r="F39" s="15"/>
      <c r="G39" s="14"/>
      <c r="H39" s="9"/>
      <c r="I39" s="12"/>
      <c r="J39" s="13"/>
      <c r="K39" s="9"/>
      <c r="L39" s="9"/>
      <c r="M39" s="12"/>
      <c r="N39" s="11"/>
      <c r="O39" s="10"/>
      <c r="P39" s="12"/>
      <c r="Q39" s="11"/>
      <c r="R39" s="10"/>
      <c r="S39" s="9"/>
      <c r="T39" s="8"/>
    </row>
    <row r="40" spans="2:20" ht="7.5" customHeight="1" x14ac:dyDescent="0.2">
      <c r="B40" s="7"/>
      <c r="C40" s="7"/>
      <c r="D40" s="7"/>
      <c r="E40" s="7"/>
      <c r="F40" s="5"/>
      <c r="G40" s="6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  <c r="S40" s="5"/>
      <c r="T40" s="5"/>
    </row>
    <row r="41" spans="2:20" x14ac:dyDescent="0.2">
      <c r="B41" s="4" t="s">
        <v>16</v>
      </c>
    </row>
    <row r="42" spans="2:20" x14ac:dyDescent="0.2">
      <c r="B42" s="3" t="s">
        <v>15</v>
      </c>
    </row>
    <row r="43" spans="2:20" x14ac:dyDescent="0.2">
      <c r="B43" s="3" t="s">
        <v>14</v>
      </c>
    </row>
  </sheetData>
  <mergeCells count="25">
    <mergeCell ref="B37:B38"/>
    <mergeCell ref="B39:E39"/>
    <mergeCell ref="C37:C38"/>
    <mergeCell ref="D33:E33"/>
    <mergeCell ref="D34:E34"/>
    <mergeCell ref="D35:E35"/>
    <mergeCell ref="D37:E37"/>
    <mergeCell ref="D38:E38"/>
    <mergeCell ref="B36:E36"/>
    <mergeCell ref="B33:B35"/>
    <mergeCell ref="B6:T6"/>
    <mergeCell ref="H9:J9"/>
    <mergeCell ref="I10:J10"/>
    <mergeCell ref="H8:J8"/>
    <mergeCell ref="M10:O10"/>
    <mergeCell ref="D10:E10"/>
    <mergeCell ref="B8:B9"/>
    <mergeCell ref="A20:A23"/>
    <mergeCell ref="P8:S8"/>
    <mergeCell ref="P10:S10"/>
    <mergeCell ref="L8:O8"/>
    <mergeCell ref="D11:E11"/>
    <mergeCell ref="D12:E12"/>
    <mergeCell ref="D13:E13"/>
    <mergeCell ref="D14:E14"/>
  </mergeCells>
  <phoneticPr fontId="2"/>
  <printOptions horizontalCentered="1" verticalCentered="1"/>
  <pageMargins left="0.19685039370078741" right="0.59055118110236227" top="0.78740157480314965" bottom="0.27559055118110237" header="0.74803149606299213" footer="0.23622047244094491"/>
  <pageSetup paperSize="9" scale="66" orientation="landscape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28"/>
  <sheetViews>
    <sheetView showGridLines="0" zoomScale="90" zoomScaleNormal="90" workbookViewId="0"/>
  </sheetViews>
  <sheetFormatPr defaultColWidth="8.88671875" defaultRowHeight="13.2" x14ac:dyDescent="0.2"/>
  <cols>
    <col min="1" max="1" width="5.44140625" style="98" customWidth="1"/>
    <col min="2" max="2" width="3.6640625" style="98" customWidth="1"/>
    <col min="3" max="3" width="11.88671875" style="98" customWidth="1"/>
    <col min="4" max="4" width="7.77734375" style="98" customWidth="1"/>
    <col min="5" max="10" width="7.109375" style="98" customWidth="1"/>
    <col min="11" max="11" width="4.88671875" style="98" customWidth="1"/>
    <col min="12" max="12" width="11.88671875" style="98" customWidth="1"/>
    <col min="13" max="13" width="7.77734375" style="98" customWidth="1"/>
    <col min="14" max="19" width="7.109375" style="98" customWidth="1"/>
    <col min="20" max="16384" width="8.88671875" style="98"/>
  </cols>
  <sheetData>
    <row r="1" spans="1:19" ht="8.25" customHeight="1" x14ac:dyDescent="0.2"/>
    <row r="2" spans="1:19" ht="8.25" customHeight="1" x14ac:dyDescent="0.2"/>
    <row r="3" spans="1:19" ht="19.5" customHeight="1" x14ac:dyDescent="0.2">
      <c r="C3" s="135" t="s">
        <v>141</v>
      </c>
    </row>
    <row r="4" spans="1:19" ht="14.4" x14ac:dyDescent="0.2">
      <c r="A4" s="544" t="s">
        <v>93</v>
      </c>
      <c r="B4" s="544"/>
      <c r="C4" s="544"/>
      <c r="D4" s="544"/>
      <c r="E4" s="544"/>
      <c r="F4" s="544"/>
      <c r="G4" s="544"/>
      <c r="H4" s="544"/>
      <c r="I4" s="544"/>
      <c r="J4" s="544"/>
      <c r="K4" s="544"/>
      <c r="L4" s="544"/>
      <c r="M4" s="544"/>
      <c r="N4" s="544"/>
      <c r="O4" s="544"/>
      <c r="P4" s="544"/>
      <c r="Q4" s="544"/>
      <c r="R4" s="544"/>
      <c r="S4" s="544"/>
    </row>
    <row r="5" spans="1:19" ht="6" customHeight="1" thickBot="1" x14ac:dyDescent="0.25"/>
    <row r="6" spans="1:19" ht="24" customHeight="1" x14ac:dyDescent="0.2">
      <c r="B6" s="133"/>
      <c r="C6" s="134" t="s">
        <v>140</v>
      </c>
      <c r="D6" s="122" t="s">
        <v>139</v>
      </c>
      <c r="E6" s="545" t="s">
        <v>138</v>
      </c>
      <c r="F6" s="546"/>
      <c r="G6" s="546"/>
      <c r="H6" s="546"/>
      <c r="I6" s="546"/>
      <c r="J6" s="547"/>
      <c r="K6" s="133"/>
      <c r="L6" s="132" t="s">
        <v>140</v>
      </c>
      <c r="M6" s="131" t="s">
        <v>139</v>
      </c>
      <c r="N6" s="545" t="s">
        <v>138</v>
      </c>
      <c r="O6" s="546"/>
      <c r="P6" s="546"/>
      <c r="Q6" s="546"/>
      <c r="R6" s="546"/>
      <c r="S6" s="547"/>
    </row>
    <row r="7" spans="1:19" ht="24" customHeight="1" x14ac:dyDescent="0.2">
      <c r="B7" s="130"/>
      <c r="C7" s="129"/>
      <c r="D7" s="114" t="s">
        <v>107</v>
      </c>
      <c r="E7" s="548" t="s">
        <v>91</v>
      </c>
      <c r="F7" s="549"/>
      <c r="G7" s="548" t="s">
        <v>90</v>
      </c>
      <c r="H7" s="549"/>
      <c r="I7" s="548" t="s">
        <v>88</v>
      </c>
      <c r="J7" s="543"/>
      <c r="K7" s="130"/>
      <c r="L7" s="129"/>
      <c r="M7" s="127" t="s">
        <v>107</v>
      </c>
      <c r="N7" s="548" t="s">
        <v>91</v>
      </c>
      <c r="O7" s="549"/>
      <c r="P7" s="548" t="s">
        <v>90</v>
      </c>
      <c r="Q7" s="549"/>
      <c r="R7" s="548" t="s">
        <v>88</v>
      </c>
      <c r="S7" s="550"/>
    </row>
    <row r="8" spans="1:19" ht="24" customHeight="1" thickBot="1" x14ac:dyDescent="0.25">
      <c r="B8" s="551" t="s">
        <v>137</v>
      </c>
      <c r="C8" s="552"/>
      <c r="D8" s="114" t="s">
        <v>136</v>
      </c>
      <c r="E8" s="126" t="s">
        <v>135</v>
      </c>
      <c r="F8" s="126" t="s">
        <v>134</v>
      </c>
      <c r="G8" s="126" t="s">
        <v>135</v>
      </c>
      <c r="H8" s="126" t="s">
        <v>134</v>
      </c>
      <c r="I8" s="126" t="s">
        <v>135</v>
      </c>
      <c r="J8" s="128" t="s">
        <v>134</v>
      </c>
      <c r="K8" s="551" t="s">
        <v>137</v>
      </c>
      <c r="L8" s="552"/>
      <c r="M8" s="127" t="s">
        <v>136</v>
      </c>
      <c r="N8" s="126" t="s">
        <v>135</v>
      </c>
      <c r="O8" s="126" t="s">
        <v>134</v>
      </c>
      <c r="P8" s="126" t="s">
        <v>135</v>
      </c>
      <c r="Q8" s="126" t="s">
        <v>134</v>
      </c>
      <c r="R8" s="126" t="s">
        <v>135</v>
      </c>
      <c r="S8" s="125" t="s">
        <v>134</v>
      </c>
    </row>
    <row r="9" spans="1:19" ht="24" customHeight="1" x14ac:dyDescent="0.2">
      <c r="B9" s="553" t="s">
        <v>133</v>
      </c>
      <c r="C9" s="546"/>
      <c r="D9" s="124" t="s">
        <v>107</v>
      </c>
      <c r="E9" s="119" t="s">
        <v>107</v>
      </c>
      <c r="F9" s="119" t="s">
        <v>107</v>
      </c>
      <c r="G9" s="119" t="s">
        <v>107</v>
      </c>
      <c r="H9" s="119" t="s">
        <v>107</v>
      </c>
      <c r="I9" s="119" t="s">
        <v>107</v>
      </c>
      <c r="J9" s="123" t="s">
        <v>107</v>
      </c>
      <c r="K9" s="122" t="s">
        <v>121</v>
      </c>
      <c r="L9" s="121" t="s">
        <v>132</v>
      </c>
      <c r="M9" s="120" t="s">
        <v>107</v>
      </c>
      <c r="N9" s="119" t="s">
        <v>107</v>
      </c>
      <c r="O9" s="119" t="s">
        <v>107</v>
      </c>
      <c r="P9" s="119" t="s">
        <v>107</v>
      </c>
      <c r="Q9" s="119" t="s">
        <v>107</v>
      </c>
      <c r="R9" s="119" t="s">
        <v>107</v>
      </c>
      <c r="S9" s="118" t="s">
        <v>107</v>
      </c>
    </row>
    <row r="10" spans="1:19" ht="24" customHeight="1" x14ac:dyDescent="0.2">
      <c r="B10" s="542" t="s">
        <v>131</v>
      </c>
      <c r="C10" s="543"/>
      <c r="D10" s="113"/>
      <c r="E10" s="106"/>
      <c r="F10" s="106"/>
      <c r="G10" s="106"/>
      <c r="H10" s="106"/>
      <c r="I10" s="106"/>
      <c r="J10" s="112"/>
      <c r="K10" s="114" t="s">
        <v>41</v>
      </c>
      <c r="L10" s="105" t="s">
        <v>130</v>
      </c>
      <c r="M10" s="107"/>
      <c r="N10" s="106"/>
      <c r="O10" s="106"/>
      <c r="P10" s="106"/>
      <c r="Q10" s="106"/>
      <c r="R10" s="106"/>
      <c r="S10" s="105"/>
    </row>
    <row r="11" spans="1:19" ht="24" customHeight="1" x14ac:dyDescent="0.2">
      <c r="B11" s="542" t="s">
        <v>129</v>
      </c>
      <c r="C11" s="543"/>
      <c r="D11" s="113"/>
      <c r="E11" s="106"/>
      <c r="F11" s="106"/>
      <c r="G11" s="106"/>
      <c r="H11" s="106"/>
      <c r="I11" s="106"/>
      <c r="J11" s="112"/>
      <c r="K11" s="114" t="s">
        <v>38</v>
      </c>
      <c r="L11" s="105" t="s">
        <v>128</v>
      </c>
      <c r="M11" s="107"/>
      <c r="N11" s="106"/>
      <c r="O11" s="106"/>
      <c r="P11" s="106"/>
      <c r="Q11" s="106"/>
      <c r="R11" s="106"/>
      <c r="S11" s="105"/>
    </row>
    <row r="12" spans="1:19" ht="24" customHeight="1" x14ac:dyDescent="0.2">
      <c r="B12" s="542" t="s">
        <v>127</v>
      </c>
      <c r="C12" s="543"/>
      <c r="D12" s="113"/>
      <c r="E12" s="106"/>
      <c r="F12" s="106"/>
      <c r="G12" s="106"/>
      <c r="H12" s="106"/>
      <c r="I12" s="106"/>
      <c r="J12" s="112"/>
      <c r="K12" s="114" t="s">
        <v>53</v>
      </c>
      <c r="L12" s="105" t="s">
        <v>126</v>
      </c>
      <c r="M12" s="107"/>
      <c r="N12" s="106"/>
      <c r="O12" s="106"/>
      <c r="P12" s="106"/>
      <c r="Q12" s="106"/>
      <c r="R12" s="106"/>
      <c r="S12" s="105"/>
    </row>
    <row r="13" spans="1:19" ht="24" customHeight="1" x14ac:dyDescent="0.2">
      <c r="B13" s="542" t="s">
        <v>125</v>
      </c>
      <c r="C13" s="543"/>
      <c r="D13" s="113"/>
      <c r="E13" s="106"/>
      <c r="F13" s="106"/>
      <c r="G13" s="106"/>
      <c r="H13" s="106"/>
      <c r="I13" s="106"/>
      <c r="J13" s="112"/>
      <c r="K13" s="114" t="s">
        <v>112</v>
      </c>
      <c r="L13" s="105" t="s">
        <v>124</v>
      </c>
      <c r="M13" s="107"/>
      <c r="N13" s="106"/>
      <c r="O13" s="106"/>
      <c r="P13" s="106"/>
      <c r="Q13" s="106"/>
      <c r="R13" s="106"/>
      <c r="S13" s="105"/>
    </row>
    <row r="14" spans="1:19" ht="24" customHeight="1" x14ac:dyDescent="0.2">
      <c r="B14" s="117"/>
      <c r="C14" s="112" t="s">
        <v>123</v>
      </c>
      <c r="D14" s="113"/>
      <c r="E14" s="106"/>
      <c r="F14" s="106"/>
      <c r="G14" s="106"/>
      <c r="H14" s="106"/>
      <c r="I14" s="106"/>
      <c r="J14" s="112"/>
      <c r="K14" s="114"/>
      <c r="L14" s="105" t="s">
        <v>122</v>
      </c>
      <c r="M14" s="107"/>
      <c r="N14" s="106"/>
      <c r="O14" s="106"/>
      <c r="P14" s="106"/>
      <c r="Q14" s="106"/>
      <c r="R14" s="106"/>
      <c r="S14" s="105"/>
    </row>
    <row r="15" spans="1:19" ht="24" customHeight="1" x14ac:dyDescent="0.2">
      <c r="A15" s="540"/>
      <c r="B15" s="114" t="s">
        <v>121</v>
      </c>
      <c r="C15" s="112" t="s">
        <v>120</v>
      </c>
      <c r="D15" s="113"/>
      <c r="E15" s="106"/>
      <c r="F15" s="106"/>
      <c r="G15" s="106"/>
      <c r="H15" s="106"/>
      <c r="I15" s="106"/>
      <c r="J15" s="112"/>
      <c r="K15" s="116" t="s">
        <v>107</v>
      </c>
      <c r="L15" s="115" t="s">
        <v>119</v>
      </c>
      <c r="M15" s="107"/>
      <c r="N15" s="106"/>
      <c r="O15" s="106"/>
      <c r="P15" s="106"/>
      <c r="Q15" s="106"/>
      <c r="R15" s="106"/>
      <c r="S15" s="105"/>
    </row>
    <row r="16" spans="1:19" ht="24" customHeight="1" x14ac:dyDescent="0.2">
      <c r="A16" s="541"/>
      <c r="B16" s="114"/>
      <c r="C16" s="112" t="s">
        <v>118</v>
      </c>
      <c r="D16" s="113"/>
      <c r="E16" s="106"/>
      <c r="F16" s="106"/>
      <c r="G16" s="106"/>
      <c r="H16" s="106"/>
      <c r="I16" s="106"/>
      <c r="J16" s="112"/>
      <c r="K16" s="542" t="s">
        <v>117</v>
      </c>
      <c r="L16" s="550"/>
      <c r="M16" s="107"/>
      <c r="N16" s="106"/>
      <c r="O16" s="106"/>
      <c r="P16" s="106"/>
      <c r="Q16" s="106"/>
      <c r="R16" s="106"/>
      <c r="S16" s="105"/>
    </row>
    <row r="17" spans="2:19" ht="24" customHeight="1" x14ac:dyDescent="0.2">
      <c r="B17" s="114" t="s">
        <v>38</v>
      </c>
      <c r="C17" s="112" t="s">
        <v>116</v>
      </c>
      <c r="D17" s="113"/>
      <c r="E17" s="106"/>
      <c r="F17" s="106"/>
      <c r="G17" s="106"/>
      <c r="H17" s="106"/>
      <c r="I17" s="106"/>
      <c r="J17" s="112"/>
      <c r="K17" s="542" t="s">
        <v>115</v>
      </c>
      <c r="L17" s="550"/>
      <c r="M17" s="107"/>
      <c r="N17" s="106"/>
      <c r="O17" s="106"/>
      <c r="P17" s="106"/>
      <c r="Q17" s="106"/>
      <c r="R17" s="106"/>
      <c r="S17" s="105"/>
    </row>
    <row r="18" spans="2:19" ht="24" customHeight="1" x14ac:dyDescent="0.2">
      <c r="B18" s="114" t="s">
        <v>39</v>
      </c>
      <c r="C18" s="112" t="s">
        <v>114</v>
      </c>
      <c r="D18" s="113"/>
      <c r="E18" s="106"/>
      <c r="F18" s="106"/>
      <c r="G18" s="106"/>
      <c r="H18" s="106"/>
      <c r="I18" s="106"/>
      <c r="J18" s="112"/>
      <c r="K18" s="542" t="s">
        <v>113</v>
      </c>
      <c r="L18" s="550"/>
      <c r="M18" s="107"/>
      <c r="N18" s="106"/>
      <c r="O18" s="106"/>
      <c r="P18" s="106"/>
      <c r="Q18" s="106"/>
      <c r="R18" s="106"/>
      <c r="S18" s="105"/>
    </row>
    <row r="19" spans="2:19" ht="24" customHeight="1" x14ac:dyDescent="0.2">
      <c r="B19" s="114" t="s">
        <v>112</v>
      </c>
      <c r="C19" s="112" t="s">
        <v>111</v>
      </c>
      <c r="D19" s="113"/>
      <c r="E19" s="106"/>
      <c r="F19" s="106"/>
      <c r="G19" s="106"/>
      <c r="H19" s="106"/>
      <c r="I19" s="106"/>
      <c r="J19" s="112"/>
      <c r="K19" s="542" t="s">
        <v>110</v>
      </c>
      <c r="L19" s="550"/>
      <c r="M19" s="107"/>
      <c r="N19" s="106"/>
      <c r="O19" s="106"/>
      <c r="P19" s="106"/>
      <c r="Q19" s="106"/>
      <c r="R19" s="106"/>
      <c r="S19" s="105"/>
    </row>
    <row r="20" spans="2:19" ht="24" customHeight="1" x14ac:dyDescent="0.2">
      <c r="B20" s="114"/>
      <c r="C20" s="112" t="s">
        <v>109</v>
      </c>
      <c r="D20" s="113"/>
      <c r="E20" s="106"/>
      <c r="F20" s="106"/>
      <c r="G20" s="106"/>
      <c r="H20" s="106"/>
      <c r="I20" s="106"/>
      <c r="J20" s="112"/>
      <c r="K20" s="542" t="s">
        <v>108</v>
      </c>
      <c r="L20" s="550"/>
      <c r="M20" s="107"/>
      <c r="N20" s="106"/>
      <c r="O20" s="106"/>
      <c r="P20" s="106"/>
      <c r="Q20" s="106"/>
      <c r="R20" s="106"/>
      <c r="S20" s="105"/>
    </row>
    <row r="21" spans="2:19" ht="24" customHeight="1" x14ac:dyDescent="0.2">
      <c r="B21" s="114" t="s">
        <v>107</v>
      </c>
      <c r="C21" s="112" t="s">
        <v>106</v>
      </c>
      <c r="D21" s="113"/>
      <c r="E21" s="106"/>
      <c r="F21" s="106"/>
      <c r="G21" s="106"/>
      <c r="H21" s="106"/>
      <c r="I21" s="106"/>
      <c r="J21" s="112"/>
      <c r="K21" s="542" t="s">
        <v>105</v>
      </c>
      <c r="L21" s="550"/>
      <c r="M21" s="107"/>
      <c r="N21" s="106"/>
      <c r="O21" s="106"/>
      <c r="P21" s="106"/>
      <c r="Q21" s="106"/>
      <c r="R21" s="106"/>
      <c r="S21" s="105"/>
    </row>
    <row r="22" spans="2:19" ht="23.25" customHeight="1" x14ac:dyDescent="0.2">
      <c r="B22" s="114"/>
      <c r="C22" s="112" t="s">
        <v>104</v>
      </c>
      <c r="D22" s="113"/>
      <c r="E22" s="106"/>
      <c r="F22" s="106"/>
      <c r="G22" s="106"/>
      <c r="H22" s="106"/>
      <c r="I22" s="106"/>
      <c r="J22" s="112"/>
      <c r="K22" s="542" t="s">
        <v>103</v>
      </c>
      <c r="L22" s="550"/>
      <c r="M22" s="107"/>
      <c r="N22" s="106"/>
      <c r="O22" s="106"/>
      <c r="P22" s="106"/>
      <c r="Q22" s="106"/>
      <c r="R22" s="106"/>
      <c r="S22" s="105"/>
    </row>
    <row r="23" spans="2:19" ht="23.25" customHeight="1" thickBot="1" x14ac:dyDescent="0.25">
      <c r="B23" s="111"/>
      <c r="C23" s="108" t="s">
        <v>102</v>
      </c>
      <c r="D23" s="110"/>
      <c r="E23" s="109"/>
      <c r="F23" s="109"/>
      <c r="G23" s="109"/>
      <c r="H23" s="109"/>
      <c r="I23" s="109"/>
      <c r="J23" s="108"/>
      <c r="K23" s="542" t="s">
        <v>101</v>
      </c>
      <c r="L23" s="550"/>
      <c r="M23" s="107"/>
      <c r="N23" s="106"/>
      <c r="O23" s="106"/>
      <c r="P23" s="106"/>
      <c r="Q23" s="106"/>
      <c r="R23" s="106"/>
      <c r="S23" s="105"/>
    </row>
    <row r="24" spans="2:19" ht="24" customHeight="1" thickBot="1" x14ac:dyDescent="0.25">
      <c r="K24" s="554" t="s">
        <v>100</v>
      </c>
      <c r="L24" s="555"/>
      <c r="M24" s="104" t="s">
        <v>99</v>
      </c>
      <c r="N24" s="103" t="s">
        <v>99</v>
      </c>
      <c r="O24" s="103" t="s">
        <v>99</v>
      </c>
      <c r="P24" s="103" t="s">
        <v>99</v>
      </c>
      <c r="Q24" s="103" t="s">
        <v>99</v>
      </c>
      <c r="R24" s="103" t="s">
        <v>99</v>
      </c>
      <c r="S24" s="102" t="s">
        <v>99</v>
      </c>
    </row>
    <row r="25" spans="2:19" ht="11.25" customHeight="1" x14ac:dyDescent="0.2">
      <c r="K25" s="101"/>
      <c r="L25" s="101"/>
      <c r="M25" s="100"/>
      <c r="N25" s="100"/>
      <c r="O25" s="100"/>
      <c r="P25" s="100"/>
      <c r="Q25" s="100"/>
      <c r="R25" s="100"/>
      <c r="S25" s="99"/>
    </row>
    <row r="26" spans="2:19" x14ac:dyDescent="0.2">
      <c r="B26" s="4" t="s">
        <v>98</v>
      </c>
      <c r="D26" s="1"/>
      <c r="E26" s="2"/>
      <c r="F26" s="1"/>
      <c r="G26" s="2"/>
      <c r="H26" s="1"/>
      <c r="I26" s="1"/>
      <c r="J26" s="1"/>
      <c r="K26" s="1"/>
    </row>
    <row r="27" spans="2:19" x14ac:dyDescent="0.2">
      <c r="B27" s="3" t="s">
        <v>97</v>
      </c>
      <c r="D27" s="1"/>
      <c r="E27" s="2"/>
      <c r="F27" s="1"/>
      <c r="G27" s="2"/>
      <c r="H27" s="1"/>
      <c r="I27" s="1"/>
      <c r="J27" s="1"/>
      <c r="K27" s="1"/>
    </row>
    <row r="28" spans="2:19" x14ac:dyDescent="0.2">
      <c r="B28" s="3" t="s">
        <v>14</v>
      </c>
    </row>
  </sheetData>
  <mergeCells count="26">
    <mergeCell ref="K17:L17"/>
    <mergeCell ref="B11:C11"/>
    <mergeCell ref="B9:C9"/>
    <mergeCell ref="K24:L24"/>
    <mergeCell ref="K18:L18"/>
    <mergeCell ref="K19:L19"/>
    <mergeCell ref="K20:L20"/>
    <mergeCell ref="K21:L21"/>
    <mergeCell ref="K22:L22"/>
    <mergeCell ref="K23:L23"/>
    <mergeCell ref="A15:A16"/>
    <mergeCell ref="B10:C10"/>
    <mergeCell ref="A4:S4"/>
    <mergeCell ref="E6:J6"/>
    <mergeCell ref="E7:F7"/>
    <mergeCell ref="G7:H7"/>
    <mergeCell ref="I7:J7"/>
    <mergeCell ref="N6:S6"/>
    <mergeCell ref="N7:O7"/>
    <mergeCell ref="P7:Q7"/>
    <mergeCell ref="R7:S7"/>
    <mergeCell ref="K8:L8"/>
    <mergeCell ref="B8:C8"/>
    <mergeCell ref="B12:C12"/>
    <mergeCell ref="B13:C13"/>
    <mergeCell ref="K16:L16"/>
  </mergeCells>
  <phoneticPr fontId="2"/>
  <printOptions horizontalCentered="1" verticalCentered="1"/>
  <pageMargins left="0.39370078740157483" right="0.51181102362204722" top="0.39370078740157483" bottom="0.35433070866141736" header="0.39370078740157483" footer="0.35433070866141736"/>
  <pageSetup paperSize="9" orientation="landscape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32"/>
  <sheetViews>
    <sheetView showGridLines="0" zoomScale="90" zoomScaleNormal="90" workbookViewId="0"/>
  </sheetViews>
  <sheetFormatPr defaultColWidth="8.88671875" defaultRowHeight="13.2" x14ac:dyDescent="0.2"/>
  <cols>
    <col min="1" max="1" width="1.44140625" style="98" customWidth="1"/>
    <col min="2" max="2" width="1.33203125" style="98" customWidth="1"/>
    <col min="3" max="3" width="12.77734375" style="98" customWidth="1"/>
    <col min="4" max="4" width="1.33203125" style="98" customWidth="1"/>
    <col min="5" max="5" width="2.6640625" style="98" customWidth="1"/>
    <col min="6" max="6" width="18.6640625" style="98" customWidth="1"/>
    <col min="7" max="12" width="4.6640625" style="98" customWidth="1"/>
    <col min="13" max="13" width="9.21875" style="98" customWidth="1"/>
    <col min="14" max="14" width="2.6640625" style="98" customWidth="1"/>
    <col min="15" max="15" width="31.88671875" style="98" customWidth="1"/>
    <col min="16" max="21" width="4.6640625" style="98" customWidth="1"/>
    <col min="22" max="22" width="1.77734375" style="98" customWidth="1"/>
    <col min="23" max="16384" width="8.88671875" style="98"/>
  </cols>
  <sheetData>
    <row r="1" spans="1:21" ht="8.25" customHeight="1" x14ac:dyDescent="0.2"/>
    <row r="2" spans="1:21" x14ac:dyDescent="0.2">
      <c r="C2" s="135" t="s">
        <v>183</v>
      </c>
    </row>
    <row r="3" spans="1:21" ht="14.4" x14ac:dyDescent="0.2">
      <c r="B3" s="544" t="s">
        <v>93</v>
      </c>
      <c r="C3" s="544"/>
      <c r="D3" s="544"/>
      <c r="E3" s="544"/>
      <c r="F3" s="544"/>
      <c r="G3" s="544"/>
      <c r="H3" s="544"/>
      <c r="I3" s="544"/>
      <c r="J3" s="544"/>
      <c r="K3" s="544"/>
      <c r="L3" s="544"/>
      <c r="M3" s="544"/>
      <c r="N3" s="544"/>
      <c r="O3" s="544"/>
      <c r="P3" s="544"/>
      <c r="Q3" s="544"/>
      <c r="R3" s="544"/>
      <c r="S3" s="544"/>
      <c r="T3" s="544"/>
      <c r="U3" s="544"/>
    </row>
    <row r="4" spans="1:21" ht="6.75" customHeight="1" thickBot="1" x14ac:dyDescent="0.25">
      <c r="B4" s="93"/>
      <c r="C4" s="93"/>
      <c r="D4" s="93"/>
      <c r="E4" s="93"/>
      <c r="F4" s="93"/>
      <c r="G4" s="93"/>
      <c r="H4" s="93"/>
      <c r="I4" s="93"/>
      <c r="J4" s="93"/>
      <c r="K4" s="93"/>
      <c r="L4" s="93"/>
      <c r="M4" s="93"/>
      <c r="N4" s="93"/>
      <c r="O4" s="93"/>
      <c r="P4" s="93"/>
      <c r="Q4" s="93"/>
      <c r="R4" s="93"/>
      <c r="S4" s="93"/>
      <c r="T4" s="93"/>
    </row>
    <row r="5" spans="1:21" ht="20.100000000000001" customHeight="1" x14ac:dyDescent="0.2">
      <c r="B5" s="133"/>
      <c r="C5" s="160"/>
      <c r="D5" s="160"/>
      <c r="E5" s="133"/>
      <c r="F5" s="131"/>
      <c r="G5" s="545" t="s">
        <v>182</v>
      </c>
      <c r="H5" s="546"/>
      <c r="I5" s="546"/>
      <c r="J5" s="546"/>
      <c r="K5" s="546"/>
      <c r="L5" s="547"/>
      <c r="M5" s="160"/>
      <c r="N5" s="133"/>
      <c r="O5" s="131"/>
      <c r="P5" s="545" t="s">
        <v>182</v>
      </c>
      <c r="Q5" s="546"/>
      <c r="R5" s="546"/>
      <c r="S5" s="546"/>
      <c r="T5" s="546"/>
      <c r="U5" s="547"/>
    </row>
    <row r="6" spans="1:21" ht="20.100000000000001" customHeight="1" x14ac:dyDescent="0.2">
      <c r="B6" s="130"/>
      <c r="C6" s="99" t="s">
        <v>180</v>
      </c>
      <c r="D6" s="99"/>
      <c r="E6" s="583" t="s">
        <v>181</v>
      </c>
      <c r="F6" s="584"/>
      <c r="G6" s="548" t="s">
        <v>91</v>
      </c>
      <c r="H6" s="549"/>
      <c r="I6" s="548" t="s">
        <v>178</v>
      </c>
      <c r="J6" s="549"/>
      <c r="K6" s="548" t="s">
        <v>177</v>
      </c>
      <c r="L6" s="550"/>
      <c r="M6" s="99" t="s">
        <v>180</v>
      </c>
      <c r="N6" s="583" t="s">
        <v>179</v>
      </c>
      <c r="O6" s="584"/>
      <c r="P6" s="548" t="s">
        <v>91</v>
      </c>
      <c r="Q6" s="549"/>
      <c r="R6" s="548" t="s">
        <v>178</v>
      </c>
      <c r="S6" s="549"/>
      <c r="T6" s="548" t="s">
        <v>177</v>
      </c>
      <c r="U6" s="550"/>
    </row>
    <row r="7" spans="1:21" ht="20.100000000000001" customHeight="1" thickBot="1" x14ac:dyDescent="0.25">
      <c r="B7" s="130"/>
      <c r="C7" s="99"/>
      <c r="D7" s="99"/>
      <c r="E7" s="130"/>
      <c r="F7" s="159"/>
      <c r="G7" s="126" t="s">
        <v>176</v>
      </c>
      <c r="H7" s="126" t="s">
        <v>175</v>
      </c>
      <c r="I7" s="126" t="s">
        <v>176</v>
      </c>
      <c r="J7" s="126" t="s">
        <v>175</v>
      </c>
      <c r="K7" s="126" t="s">
        <v>176</v>
      </c>
      <c r="L7" s="125" t="s">
        <v>175</v>
      </c>
      <c r="M7" s="99"/>
      <c r="N7" s="130"/>
      <c r="O7" s="127"/>
      <c r="P7" s="126" t="s">
        <v>176</v>
      </c>
      <c r="Q7" s="126" t="s">
        <v>175</v>
      </c>
      <c r="R7" s="126" t="s">
        <v>176</v>
      </c>
      <c r="S7" s="126" t="s">
        <v>175</v>
      </c>
      <c r="T7" s="126" t="s">
        <v>176</v>
      </c>
      <c r="U7" s="125" t="s">
        <v>175</v>
      </c>
    </row>
    <row r="8" spans="1:21" ht="20.100000000000001" customHeight="1" x14ac:dyDescent="0.2">
      <c r="B8" s="133"/>
      <c r="C8" s="563" t="s">
        <v>174</v>
      </c>
      <c r="D8" s="158"/>
      <c r="E8" s="157">
        <v>1</v>
      </c>
      <c r="F8" s="119" t="s">
        <v>63</v>
      </c>
      <c r="G8" s="156"/>
      <c r="H8" s="156"/>
      <c r="I8" s="156"/>
      <c r="J8" s="156"/>
      <c r="K8" s="156"/>
      <c r="L8" s="121"/>
      <c r="M8" s="564" t="s">
        <v>173</v>
      </c>
      <c r="N8" s="570">
        <v>1</v>
      </c>
      <c r="O8" s="155" t="s">
        <v>171</v>
      </c>
      <c r="P8" s="580"/>
      <c r="Q8" s="580"/>
      <c r="R8" s="580"/>
      <c r="S8" s="580"/>
      <c r="T8" s="580"/>
      <c r="U8" s="581"/>
    </row>
    <row r="9" spans="1:21" ht="20.100000000000001" customHeight="1" x14ac:dyDescent="0.2">
      <c r="B9" s="149"/>
      <c r="C9" s="559"/>
      <c r="D9" s="153"/>
      <c r="E9" s="113">
        <v>2</v>
      </c>
      <c r="F9" s="150" t="s">
        <v>63</v>
      </c>
      <c r="G9" s="106"/>
      <c r="H9" s="106"/>
      <c r="I9" s="106"/>
      <c r="J9" s="106"/>
      <c r="K9" s="106"/>
      <c r="L9" s="105"/>
      <c r="M9" s="565"/>
      <c r="N9" s="571"/>
      <c r="O9" s="142" t="s">
        <v>169</v>
      </c>
      <c r="P9" s="568"/>
      <c r="Q9" s="568"/>
      <c r="R9" s="568"/>
      <c r="S9" s="568"/>
      <c r="T9" s="568"/>
      <c r="U9" s="578"/>
    </row>
    <row r="10" spans="1:21" ht="20.100000000000001" customHeight="1" x14ac:dyDescent="0.2">
      <c r="B10" s="130"/>
      <c r="C10" s="558" t="s">
        <v>172</v>
      </c>
      <c r="D10" s="146"/>
      <c r="E10" s="113">
        <v>1</v>
      </c>
      <c r="F10" s="150" t="s">
        <v>63</v>
      </c>
      <c r="G10" s="106"/>
      <c r="H10" s="106"/>
      <c r="I10" s="106"/>
      <c r="J10" s="106"/>
      <c r="K10" s="106"/>
      <c r="L10" s="105"/>
      <c r="M10" s="565"/>
      <c r="N10" s="572"/>
      <c r="O10" s="142" t="s">
        <v>168</v>
      </c>
      <c r="P10" s="569"/>
      <c r="Q10" s="569"/>
      <c r="R10" s="569"/>
      <c r="S10" s="569"/>
      <c r="T10" s="569"/>
      <c r="U10" s="582"/>
    </row>
    <row r="11" spans="1:21" ht="20.100000000000001" customHeight="1" x14ac:dyDescent="0.2">
      <c r="B11" s="149"/>
      <c r="C11" s="559"/>
      <c r="D11" s="153"/>
      <c r="E11" s="113">
        <v>2</v>
      </c>
      <c r="F11" s="150" t="s">
        <v>63</v>
      </c>
      <c r="G11" s="106"/>
      <c r="H11" s="106"/>
      <c r="I11" s="106"/>
      <c r="J11" s="106"/>
      <c r="K11" s="106"/>
      <c r="L11" s="105"/>
      <c r="M11" s="565"/>
      <c r="N11" s="573">
        <v>2</v>
      </c>
      <c r="O11" s="142" t="s">
        <v>171</v>
      </c>
      <c r="P11" s="567"/>
      <c r="Q11" s="567"/>
      <c r="R11" s="567"/>
      <c r="S11" s="567"/>
      <c r="T11" s="567"/>
      <c r="U11" s="577"/>
    </row>
    <row r="12" spans="1:21" ht="20.100000000000001" customHeight="1" x14ac:dyDescent="0.2">
      <c r="B12" s="147"/>
      <c r="C12" s="558" t="s">
        <v>170</v>
      </c>
      <c r="D12" s="146"/>
      <c r="E12" s="113">
        <v>1</v>
      </c>
      <c r="F12" s="150" t="s">
        <v>63</v>
      </c>
      <c r="G12" s="106"/>
      <c r="H12" s="106"/>
      <c r="I12" s="106"/>
      <c r="J12" s="106"/>
      <c r="K12" s="106"/>
      <c r="L12" s="105"/>
      <c r="M12" s="565"/>
      <c r="N12" s="571"/>
      <c r="O12" s="142" t="s">
        <v>169</v>
      </c>
      <c r="P12" s="568"/>
      <c r="Q12" s="568"/>
      <c r="R12" s="568"/>
      <c r="S12" s="568"/>
      <c r="T12" s="568"/>
      <c r="U12" s="578"/>
    </row>
    <row r="13" spans="1:21" ht="20.100000000000001" customHeight="1" x14ac:dyDescent="0.2">
      <c r="B13" s="149"/>
      <c r="C13" s="559"/>
      <c r="D13" s="153"/>
      <c r="E13" s="113">
        <v>2</v>
      </c>
      <c r="F13" s="150" t="s">
        <v>63</v>
      </c>
      <c r="G13" s="106"/>
      <c r="H13" s="106"/>
      <c r="I13" s="106"/>
      <c r="J13" s="106"/>
      <c r="K13" s="106"/>
      <c r="L13" s="105"/>
      <c r="M13" s="566"/>
      <c r="N13" s="572"/>
      <c r="O13" s="142" t="s">
        <v>168</v>
      </c>
      <c r="P13" s="569"/>
      <c r="Q13" s="569"/>
      <c r="R13" s="569"/>
      <c r="S13" s="569"/>
      <c r="T13" s="569"/>
      <c r="U13" s="582"/>
    </row>
    <row r="14" spans="1:21" ht="20.100000000000001" customHeight="1" x14ac:dyDescent="0.2">
      <c r="B14" s="147"/>
      <c r="C14" s="558" t="s">
        <v>167</v>
      </c>
      <c r="D14" s="146"/>
      <c r="E14" s="560" t="s">
        <v>166</v>
      </c>
      <c r="F14" s="561"/>
      <c r="G14" s="106"/>
      <c r="H14" s="106"/>
      <c r="I14" s="106"/>
      <c r="J14" s="106"/>
      <c r="K14" s="106"/>
      <c r="L14" s="105"/>
      <c r="M14" s="154"/>
      <c r="N14" s="573">
        <v>1</v>
      </c>
      <c r="O14" s="142" t="s">
        <v>155</v>
      </c>
      <c r="P14" s="567"/>
      <c r="Q14" s="567"/>
      <c r="R14" s="567"/>
      <c r="S14" s="567"/>
      <c r="T14" s="567"/>
      <c r="U14" s="577"/>
    </row>
    <row r="15" spans="1:21" ht="20.100000000000001" customHeight="1" x14ac:dyDescent="0.2">
      <c r="A15" s="556"/>
      <c r="B15" s="130"/>
      <c r="C15" s="562"/>
      <c r="D15" s="143"/>
      <c r="E15" s="560" t="s">
        <v>165</v>
      </c>
      <c r="F15" s="561"/>
      <c r="G15" s="106"/>
      <c r="H15" s="106"/>
      <c r="I15" s="106"/>
      <c r="J15" s="106"/>
      <c r="K15" s="106"/>
      <c r="L15" s="105"/>
      <c r="M15" s="99"/>
      <c r="N15" s="571"/>
      <c r="O15" s="142" t="s">
        <v>146</v>
      </c>
      <c r="P15" s="568"/>
      <c r="Q15" s="568"/>
      <c r="R15" s="568"/>
      <c r="S15" s="568"/>
      <c r="T15" s="568"/>
      <c r="U15" s="578"/>
    </row>
    <row r="16" spans="1:21" ht="20.100000000000001" customHeight="1" x14ac:dyDescent="0.2">
      <c r="A16" s="557"/>
      <c r="B16" s="149"/>
      <c r="C16" s="559"/>
      <c r="D16" s="153"/>
      <c r="E16" s="560" t="s">
        <v>164</v>
      </c>
      <c r="F16" s="561"/>
      <c r="G16" s="106"/>
      <c r="H16" s="106"/>
      <c r="I16" s="106"/>
      <c r="J16" s="106"/>
      <c r="K16" s="106"/>
      <c r="L16" s="105"/>
      <c r="M16" s="99"/>
      <c r="N16" s="571"/>
      <c r="O16" s="142" t="s">
        <v>152</v>
      </c>
      <c r="P16" s="568"/>
      <c r="Q16" s="568"/>
      <c r="R16" s="568"/>
      <c r="S16" s="568"/>
      <c r="T16" s="568"/>
      <c r="U16" s="578"/>
    </row>
    <row r="17" spans="1:21" ht="20.100000000000001" customHeight="1" x14ac:dyDescent="0.2">
      <c r="A17" s="557"/>
      <c r="B17" s="152"/>
      <c r="C17" s="151" t="s">
        <v>163</v>
      </c>
      <c r="D17" s="151"/>
      <c r="E17" s="560" t="s">
        <v>63</v>
      </c>
      <c r="F17" s="561"/>
      <c r="G17" s="106"/>
      <c r="H17" s="106"/>
      <c r="I17" s="106"/>
      <c r="J17" s="106"/>
      <c r="K17" s="106"/>
      <c r="L17" s="105"/>
      <c r="M17" s="99"/>
      <c r="N17" s="571"/>
      <c r="O17" s="142" t="s">
        <v>151</v>
      </c>
      <c r="P17" s="568"/>
      <c r="Q17" s="568"/>
      <c r="R17" s="568"/>
      <c r="S17" s="568"/>
      <c r="T17" s="568"/>
      <c r="U17" s="578"/>
    </row>
    <row r="18" spans="1:21" ht="20.100000000000001" customHeight="1" x14ac:dyDescent="0.2">
      <c r="B18" s="152"/>
      <c r="C18" s="151" t="s">
        <v>162</v>
      </c>
      <c r="D18" s="151"/>
      <c r="E18" s="560" t="s">
        <v>63</v>
      </c>
      <c r="F18" s="561"/>
      <c r="G18" s="106"/>
      <c r="H18" s="106"/>
      <c r="I18" s="106"/>
      <c r="J18" s="106"/>
      <c r="K18" s="106"/>
      <c r="L18" s="105"/>
      <c r="M18" s="99" t="s">
        <v>39</v>
      </c>
      <c r="N18" s="571"/>
      <c r="O18" s="142" t="s">
        <v>150</v>
      </c>
      <c r="P18" s="568"/>
      <c r="Q18" s="568"/>
      <c r="R18" s="568"/>
      <c r="S18" s="568"/>
      <c r="T18" s="568"/>
      <c r="U18" s="578"/>
    </row>
    <row r="19" spans="1:21" ht="20.100000000000001" customHeight="1" x14ac:dyDescent="0.2">
      <c r="B19" s="152"/>
      <c r="C19" s="151" t="s">
        <v>161</v>
      </c>
      <c r="D19" s="151"/>
      <c r="E19" s="560" t="s">
        <v>160</v>
      </c>
      <c r="F19" s="561"/>
      <c r="G19" s="106"/>
      <c r="H19" s="106"/>
      <c r="I19" s="106"/>
      <c r="J19" s="106"/>
      <c r="K19" s="106"/>
      <c r="L19" s="105"/>
      <c r="M19" s="99" t="s">
        <v>159</v>
      </c>
      <c r="N19" s="572"/>
      <c r="O19" s="150" t="s">
        <v>149</v>
      </c>
      <c r="P19" s="569"/>
      <c r="Q19" s="569"/>
      <c r="R19" s="569"/>
      <c r="S19" s="569"/>
      <c r="T19" s="569"/>
      <c r="U19" s="582"/>
    </row>
    <row r="20" spans="1:21" ht="20.100000000000001" customHeight="1" x14ac:dyDescent="0.2">
      <c r="B20" s="147"/>
      <c r="C20" s="146" t="s">
        <v>158</v>
      </c>
      <c r="D20" s="146"/>
      <c r="E20" s="560" t="s">
        <v>157</v>
      </c>
      <c r="F20" s="561"/>
      <c r="G20" s="106"/>
      <c r="H20" s="106"/>
      <c r="I20" s="106"/>
      <c r="J20" s="106"/>
      <c r="K20" s="106"/>
      <c r="L20" s="105"/>
      <c r="M20" s="99" t="s">
        <v>156</v>
      </c>
      <c r="N20" s="573">
        <v>2</v>
      </c>
      <c r="O20" s="142" t="s">
        <v>155</v>
      </c>
      <c r="P20" s="567"/>
      <c r="Q20" s="567"/>
      <c r="R20" s="567"/>
      <c r="S20" s="567"/>
      <c r="T20" s="567"/>
      <c r="U20" s="577"/>
    </row>
    <row r="21" spans="1:21" ht="20.100000000000001" customHeight="1" x14ac:dyDescent="0.2">
      <c r="B21" s="149"/>
      <c r="C21" s="148" t="s">
        <v>154</v>
      </c>
      <c r="D21" s="148"/>
      <c r="E21" s="560" t="s">
        <v>184</v>
      </c>
      <c r="F21" s="561"/>
      <c r="G21" s="106"/>
      <c r="H21" s="106"/>
      <c r="I21" s="106"/>
      <c r="J21" s="106"/>
      <c r="K21" s="106"/>
      <c r="L21" s="105"/>
      <c r="M21" s="99"/>
      <c r="N21" s="571"/>
      <c r="O21" s="142" t="s">
        <v>146</v>
      </c>
      <c r="P21" s="568"/>
      <c r="Q21" s="568"/>
      <c r="R21" s="568"/>
      <c r="S21" s="568"/>
      <c r="T21" s="568"/>
      <c r="U21" s="578"/>
    </row>
    <row r="22" spans="1:21" ht="20.100000000000001" customHeight="1" x14ac:dyDescent="0.2">
      <c r="B22" s="147"/>
      <c r="C22" s="558" t="s">
        <v>153</v>
      </c>
      <c r="D22" s="146"/>
      <c r="E22" s="573">
        <v>1</v>
      </c>
      <c r="F22" s="161" t="s">
        <v>148</v>
      </c>
      <c r="G22" s="106"/>
      <c r="H22" s="106"/>
      <c r="I22" s="106"/>
      <c r="J22" s="106"/>
      <c r="K22" s="106"/>
      <c r="L22" s="105"/>
      <c r="M22" s="99"/>
      <c r="N22" s="571"/>
      <c r="O22" s="142" t="s">
        <v>152</v>
      </c>
      <c r="P22" s="568"/>
      <c r="Q22" s="568"/>
      <c r="R22" s="568"/>
      <c r="S22" s="568"/>
      <c r="T22" s="568"/>
      <c r="U22" s="578"/>
    </row>
    <row r="23" spans="1:21" ht="20.100000000000001" customHeight="1" x14ac:dyDescent="0.2">
      <c r="B23" s="130"/>
      <c r="C23" s="562"/>
      <c r="D23" s="143"/>
      <c r="E23" s="571"/>
      <c r="F23" s="161" t="s">
        <v>146</v>
      </c>
      <c r="G23" s="106"/>
      <c r="H23" s="106"/>
      <c r="I23" s="106"/>
      <c r="J23" s="106"/>
      <c r="K23" s="106"/>
      <c r="L23" s="105"/>
      <c r="M23" s="99"/>
      <c r="N23" s="571"/>
      <c r="O23" s="142" t="s">
        <v>151</v>
      </c>
      <c r="P23" s="568"/>
      <c r="Q23" s="568"/>
      <c r="R23" s="568"/>
      <c r="S23" s="568"/>
      <c r="T23" s="568"/>
      <c r="U23" s="578"/>
    </row>
    <row r="24" spans="1:21" ht="20.100000000000001" customHeight="1" x14ac:dyDescent="0.2">
      <c r="B24" s="130"/>
      <c r="C24" s="562"/>
      <c r="D24" s="143"/>
      <c r="E24" s="571"/>
      <c r="F24" s="161" t="s">
        <v>145</v>
      </c>
      <c r="G24" s="106"/>
      <c r="H24" s="106"/>
      <c r="I24" s="106"/>
      <c r="J24" s="106"/>
      <c r="K24" s="106"/>
      <c r="L24" s="105"/>
      <c r="M24" s="99"/>
      <c r="N24" s="571"/>
      <c r="O24" s="142" t="s">
        <v>150</v>
      </c>
      <c r="P24" s="568"/>
      <c r="Q24" s="568"/>
      <c r="R24" s="568"/>
      <c r="S24" s="568"/>
      <c r="T24" s="568"/>
      <c r="U24" s="578"/>
    </row>
    <row r="25" spans="1:21" ht="20.100000000000001" customHeight="1" thickBot="1" x14ac:dyDescent="0.25">
      <c r="B25" s="130"/>
      <c r="C25" s="562"/>
      <c r="D25" s="143"/>
      <c r="E25" s="572"/>
      <c r="F25" s="161" t="s">
        <v>144</v>
      </c>
      <c r="G25" s="106"/>
      <c r="H25" s="106"/>
      <c r="I25" s="106"/>
      <c r="J25" s="106"/>
      <c r="K25" s="106"/>
      <c r="L25" s="105"/>
      <c r="M25" s="145"/>
      <c r="N25" s="575"/>
      <c r="O25" s="103" t="s">
        <v>149</v>
      </c>
      <c r="P25" s="574"/>
      <c r="Q25" s="574"/>
      <c r="R25" s="574"/>
      <c r="S25" s="574"/>
      <c r="T25" s="574"/>
      <c r="U25" s="579"/>
    </row>
    <row r="26" spans="1:21" ht="20.100000000000001" customHeight="1" x14ac:dyDescent="0.2">
      <c r="B26" s="130"/>
      <c r="C26" s="562"/>
      <c r="D26" s="143"/>
      <c r="E26" s="573">
        <v>2</v>
      </c>
      <c r="F26" s="161" t="s">
        <v>148</v>
      </c>
      <c r="G26" s="106"/>
      <c r="H26" s="106"/>
      <c r="I26" s="106"/>
      <c r="J26" s="106"/>
      <c r="K26" s="106"/>
      <c r="L26" s="105"/>
      <c r="M26" s="144" t="s">
        <v>147</v>
      </c>
      <c r="N26" s="101"/>
      <c r="O26" s="101"/>
      <c r="P26" s="101"/>
      <c r="Q26" s="101"/>
      <c r="R26" s="101"/>
      <c r="S26" s="101"/>
      <c r="T26" s="101"/>
      <c r="U26" s="101"/>
    </row>
    <row r="27" spans="1:21" ht="20.100000000000001" customHeight="1" x14ac:dyDescent="0.2">
      <c r="B27" s="130"/>
      <c r="C27" s="562"/>
      <c r="D27" s="143"/>
      <c r="E27" s="571"/>
      <c r="F27" s="161" t="s">
        <v>146</v>
      </c>
      <c r="G27" s="106"/>
      <c r="H27" s="106"/>
      <c r="I27" s="106"/>
      <c r="J27" s="106"/>
      <c r="K27" s="106"/>
      <c r="L27" s="105"/>
      <c r="M27" s="136" t="s">
        <v>280</v>
      </c>
      <c r="N27" s="137"/>
      <c r="O27" s="137"/>
      <c r="P27" s="137"/>
      <c r="Q27" s="137"/>
      <c r="R27" s="137"/>
      <c r="S27" s="137"/>
      <c r="T27" s="137"/>
      <c r="U27" s="137"/>
    </row>
    <row r="28" spans="1:21" ht="20.100000000000001" customHeight="1" x14ac:dyDescent="0.2">
      <c r="B28" s="130"/>
      <c r="C28" s="562"/>
      <c r="D28" s="143"/>
      <c r="E28" s="571"/>
      <c r="F28" s="161" t="s">
        <v>145</v>
      </c>
      <c r="G28" s="106"/>
      <c r="H28" s="106"/>
      <c r="I28" s="106"/>
      <c r="J28" s="106"/>
      <c r="K28" s="106"/>
      <c r="L28" s="141"/>
      <c r="M28" s="136" t="s">
        <v>281</v>
      </c>
      <c r="N28" s="137"/>
      <c r="O28" s="137"/>
      <c r="P28" s="137"/>
      <c r="Q28" s="137"/>
      <c r="R28" s="137"/>
      <c r="S28" s="137"/>
      <c r="T28" s="137"/>
      <c r="U28" s="137"/>
    </row>
    <row r="29" spans="1:21" ht="20.100000000000001" customHeight="1" thickBot="1" x14ac:dyDescent="0.25">
      <c r="B29" s="140"/>
      <c r="C29" s="576"/>
      <c r="D29" s="139"/>
      <c r="E29" s="575"/>
      <c r="F29" s="162" t="s">
        <v>144</v>
      </c>
      <c r="G29" s="109"/>
      <c r="H29" s="109"/>
      <c r="I29" s="109"/>
      <c r="J29" s="109"/>
      <c r="K29" s="109"/>
      <c r="L29" s="138"/>
      <c r="M29" s="136" t="s">
        <v>143</v>
      </c>
      <c r="N29" s="137"/>
      <c r="O29" s="137"/>
      <c r="P29" s="137"/>
      <c r="Q29" s="137"/>
      <c r="R29" s="137"/>
      <c r="S29" s="137"/>
      <c r="T29" s="137"/>
      <c r="U29" s="137"/>
    </row>
    <row r="30" spans="1:21" ht="20.100000000000001" customHeight="1" x14ac:dyDescent="0.2">
      <c r="M30" s="136" t="s">
        <v>282</v>
      </c>
      <c r="N30" s="137"/>
      <c r="O30" s="137"/>
      <c r="P30" s="137"/>
      <c r="Q30" s="137"/>
      <c r="R30" s="137"/>
      <c r="S30" s="137"/>
      <c r="T30" s="137"/>
      <c r="U30" s="137"/>
    </row>
    <row r="31" spans="1:21" ht="20.100000000000001" customHeight="1" x14ac:dyDescent="0.2">
      <c r="M31" s="136" t="s">
        <v>283</v>
      </c>
      <c r="N31" s="137"/>
      <c r="O31" s="137"/>
      <c r="P31" s="137"/>
      <c r="Q31" s="137"/>
      <c r="R31" s="137"/>
      <c r="S31" s="137"/>
      <c r="T31" s="137"/>
      <c r="U31" s="137"/>
    </row>
    <row r="32" spans="1:21" x14ac:dyDescent="0.2">
      <c r="M32" s="136" t="s">
        <v>142</v>
      </c>
    </row>
  </sheetData>
  <mergeCells count="56">
    <mergeCell ref="T11:T13"/>
    <mergeCell ref="U11:U13"/>
    <mergeCell ref="T14:T19"/>
    <mergeCell ref="U14:U19"/>
    <mergeCell ref="S14:S19"/>
    <mergeCell ref="Q20:Q25"/>
    <mergeCell ref="S20:S25"/>
    <mergeCell ref="T20:T25"/>
    <mergeCell ref="U20:U25"/>
    <mergeCell ref="B3:U3"/>
    <mergeCell ref="P8:P10"/>
    <mergeCell ref="Q8:Q10"/>
    <mergeCell ref="R8:R10"/>
    <mergeCell ref="S8:S10"/>
    <mergeCell ref="T8:T10"/>
    <mergeCell ref="U8:U10"/>
    <mergeCell ref="E6:F6"/>
    <mergeCell ref="P5:U5"/>
    <mergeCell ref="N6:O6"/>
    <mergeCell ref="N14:N19"/>
    <mergeCell ref="Q11:Q13"/>
    <mergeCell ref="R20:R25"/>
    <mergeCell ref="Q14:Q19"/>
    <mergeCell ref="R14:R19"/>
    <mergeCell ref="N20:N25"/>
    <mergeCell ref="C22:C29"/>
    <mergeCell ref="E22:E25"/>
    <mergeCell ref="E26:E29"/>
    <mergeCell ref="P14:P19"/>
    <mergeCell ref="P20:P25"/>
    <mergeCell ref="E20:F20"/>
    <mergeCell ref="E21:F21"/>
    <mergeCell ref="E18:F18"/>
    <mergeCell ref="E19:F19"/>
    <mergeCell ref="E15:F15"/>
    <mergeCell ref="E16:F16"/>
    <mergeCell ref="E17:F17"/>
    <mergeCell ref="A15:A17"/>
    <mergeCell ref="R6:S6"/>
    <mergeCell ref="C10:C11"/>
    <mergeCell ref="C12:C13"/>
    <mergeCell ref="E14:F14"/>
    <mergeCell ref="C14:C16"/>
    <mergeCell ref="C8:C9"/>
    <mergeCell ref="M8:M13"/>
    <mergeCell ref="P11:P13"/>
    <mergeCell ref="N8:N10"/>
    <mergeCell ref="N11:N13"/>
    <mergeCell ref="P6:Q6"/>
    <mergeCell ref="R11:R13"/>
    <mergeCell ref="S11:S13"/>
    <mergeCell ref="T6:U6"/>
    <mergeCell ref="G5:L5"/>
    <mergeCell ref="G6:H6"/>
    <mergeCell ref="I6:J6"/>
    <mergeCell ref="K6:L6"/>
  </mergeCells>
  <phoneticPr fontId="2"/>
  <printOptions horizontalCentered="1" verticalCentered="1"/>
  <pageMargins left="0.27559055118110237" right="0.43307086614173229" top="0.51181102362204722" bottom="0.19685039370078741" header="0.51181102362204722" footer="0.19685039370078741"/>
  <pageSetup paperSize="9" scale="97" orientation="landscape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H30"/>
  <sheetViews>
    <sheetView showGridLines="0" zoomScaleNormal="100" workbookViewId="0"/>
  </sheetViews>
  <sheetFormatPr defaultColWidth="9" defaultRowHeight="13.2" x14ac:dyDescent="0.2"/>
  <cols>
    <col min="1" max="1" width="1.44140625" style="2" customWidth="1"/>
    <col min="2" max="2" width="3.109375" style="2" customWidth="1"/>
    <col min="3" max="3" width="3.109375" style="1" customWidth="1"/>
    <col min="4" max="4" width="0.88671875" style="1" customWidth="1"/>
    <col min="5" max="5" width="21.6640625" style="1" customWidth="1"/>
    <col min="6" max="6" width="0.88671875" style="1" customWidth="1"/>
    <col min="7" max="7" width="21.77734375" style="2" customWidth="1"/>
    <col min="8" max="8" width="33.21875" style="1" customWidth="1"/>
    <col min="9" max="9" width="1.44140625" style="1" customWidth="1"/>
    <col min="10" max="19" width="10.6640625" style="1" customWidth="1"/>
    <col min="20" max="16384" width="9" style="1"/>
  </cols>
  <sheetData>
    <row r="2" spans="1:8" x14ac:dyDescent="0.2">
      <c r="B2" s="216" t="s">
        <v>219</v>
      </c>
      <c r="D2" s="216"/>
      <c r="E2" s="214"/>
      <c r="F2" s="214"/>
      <c r="G2" s="214"/>
      <c r="H2" s="214"/>
    </row>
    <row r="3" spans="1:8" ht="21" customHeight="1" x14ac:dyDescent="0.2">
      <c r="C3" s="215"/>
      <c r="D3" s="215"/>
      <c r="E3" s="214"/>
      <c r="F3" s="214"/>
      <c r="G3" s="214"/>
      <c r="H3" s="214"/>
    </row>
    <row r="4" spans="1:8" s="212" customFormat="1" ht="20.25" customHeight="1" x14ac:dyDescent="0.2">
      <c r="A4" s="213"/>
      <c r="B4" s="213"/>
      <c r="C4" s="589" t="s">
        <v>218</v>
      </c>
      <c r="D4" s="589"/>
      <c r="E4" s="589"/>
      <c r="F4" s="589"/>
      <c r="G4" s="589"/>
      <c r="H4" s="589"/>
    </row>
    <row r="5" spans="1:8" ht="13.8" thickBot="1" x14ac:dyDescent="0.25"/>
    <row r="6" spans="1:8" ht="30" customHeight="1" thickBot="1" x14ac:dyDescent="0.25">
      <c r="B6" s="592" t="s">
        <v>217</v>
      </c>
      <c r="C6" s="593"/>
      <c r="D6" s="593"/>
      <c r="E6" s="593"/>
      <c r="F6" s="594"/>
      <c r="G6" s="211" t="s">
        <v>216</v>
      </c>
      <c r="H6" s="89" t="s">
        <v>215</v>
      </c>
    </row>
    <row r="7" spans="1:8" ht="30" customHeight="1" x14ac:dyDescent="0.2">
      <c r="B7" s="587" t="s">
        <v>191</v>
      </c>
      <c r="C7" s="588"/>
      <c r="D7" s="92"/>
      <c r="E7" s="199" t="s">
        <v>214</v>
      </c>
      <c r="F7" s="199"/>
      <c r="G7" s="210" t="s">
        <v>213</v>
      </c>
      <c r="H7" s="209"/>
    </row>
    <row r="8" spans="1:8" ht="30" customHeight="1" thickBot="1" x14ac:dyDescent="0.25">
      <c r="B8" s="189"/>
      <c r="C8" s="188"/>
      <c r="D8" s="43"/>
      <c r="E8" s="187" t="s">
        <v>212</v>
      </c>
      <c r="F8" s="187"/>
      <c r="G8" s="78"/>
      <c r="H8" s="201"/>
    </row>
    <row r="9" spans="1:8" ht="30" customHeight="1" thickTop="1" x14ac:dyDescent="0.2">
      <c r="B9" s="204"/>
      <c r="C9" s="188"/>
      <c r="D9" s="208"/>
      <c r="E9" s="207" t="s">
        <v>211</v>
      </c>
      <c r="F9" s="207"/>
      <c r="G9" s="206"/>
      <c r="H9" s="205"/>
    </row>
    <row r="10" spans="1:8" ht="30" customHeight="1" x14ac:dyDescent="0.2">
      <c r="B10" s="204"/>
      <c r="C10" s="188"/>
      <c r="D10" s="203"/>
      <c r="E10" s="202" t="s">
        <v>210</v>
      </c>
      <c r="F10" s="202"/>
      <c r="G10" s="50" t="s">
        <v>209</v>
      </c>
      <c r="H10" s="76" t="s">
        <v>208</v>
      </c>
    </row>
    <row r="11" spans="1:8" ht="30" customHeight="1" thickBot="1" x14ac:dyDescent="0.25">
      <c r="B11" s="590" t="s">
        <v>21</v>
      </c>
      <c r="C11" s="591"/>
      <c r="D11" s="7"/>
      <c r="E11" s="187" t="s">
        <v>207</v>
      </c>
      <c r="F11" s="187"/>
      <c r="G11" s="78" t="s">
        <v>206</v>
      </c>
      <c r="H11" s="201" t="s">
        <v>205</v>
      </c>
    </row>
    <row r="12" spans="1:8" ht="30" customHeight="1" x14ac:dyDescent="0.2">
      <c r="B12" s="587" t="s">
        <v>191</v>
      </c>
      <c r="C12" s="588"/>
      <c r="D12" s="200"/>
      <c r="E12" s="199" t="s">
        <v>204</v>
      </c>
      <c r="F12" s="199"/>
      <c r="G12" s="198"/>
      <c r="H12" s="197" t="s">
        <v>203</v>
      </c>
    </row>
    <row r="13" spans="1:8" ht="30" customHeight="1" x14ac:dyDescent="0.2">
      <c r="B13" s="585" t="s">
        <v>51</v>
      </c>
      <c r="C13" s="586"/>
      <c r="D13" s="193"/>
      <c r="E13" s="192" t="s">
        <v>202</v>
      </c>
      <c r="F13" s="192"/>
      <c r="G13" s="191"/>
      <c r="H13" s="196"/>
    </row>
    <row r="14" spans="1:8" ht="30" customHeight="1" x14ac:dyDescent="0.2">
      <c r="B14" s="585" t="s">
        <v>201</v>
      </c>
      <c r="C14" s="586"/>
      <c r="D14" s="193"/>
      <c r="E14" s="192" t="s">
        <v>200</v>
      </c>
      <c r="F14" s="192"/>
      <c r="G14" s="191"/>
      <c r="H14" s="196" t="s">
        <v>199</v>
      </c>
    </row>
    <row r="15" spans="1:8" ht="30" customHeight="1" x14ac:dyDescent="0.2">
      <c r="B15" s="585" t="s">
        <v>45</v>
      </c>
      <c r="C15" s="586"/>
      <c r="D15" s="193"/>
      <c r="E15" s="192" t="s">
        <v>198</v>
      </c>
      <c r="F15" s="192"/>
      <c r="G15" s="191"/>
      <c r="H15" s="196"/>
    </row>
    <row r="16" spans="1:8" ht="30" customHeight="1" x14ac:dyDescent="0.2">
      <c r="B16" s="585" t="s">
        <v>36</v>
      </c>
      <c r="C16" s="586"/>
      <c r="D16" s="193"/>
      <c r="E16" s="148" t="s">
        <v>197</v>
      </c>
      <c r="F16" s="148"/>
      <c r="G16" s="195"/>
      <c r="H16" s="194" t="s">
        <v>196</v>
      </c>
    </row>
    <row r="17" spans="1:8" ht="30" customHeight="1" x14ac:dyDescent="0.2">
      <c r="B17" s="585" t="s">
        <v>30</v>
      </c>
      <c r="C17" s="586"/>
      <c r="D17" s="193"/>
      <c r="E17" s="192" t="s">
        <v>8</v>
      </c>
      <c r="F17" s="192"/>
      <c r="G17" s="191"/>
      <c r="H17" s="190"/>
    </row>
    <row r="18" spans="1:8" ht="30" customHeight="1" thickBot="1" x14ac:dyDescent="0.25">
      <c r="B18" s="189"/>
      <c r="C18" s="188"/>
      <c r="D18" s="20"/>
      <c r="E18" s="187" t="s">
        <v>25</v>
      </c>
      <c r="F18" s="187"/>
      <c r="G18" s="186"/>
      <c r="H18" s="185"/>
    </row>
    <row r="19" spans="1:8" ht="30" customHeight="1" x14ac:dyDescent="0.2">
      <c r="A19" s="184"/>
      <c r="B19" s="183" t="s">
        <v>195</v>
      </c>
      <c r="C19" s="181" t="s">
        <v>191</v>
      </c>
      <c r="D19" s="182"/>
      <c r="E19" s="181"/>
      <c r="F19" s="181"/>
      <c r="G19" s="180"/>
      <c r="H19" s="179"/>
    </row>
    <row r="20" spans="1:8" ht="30" customHeight="1" x14ac:dyDescent="0.2">
      <c r="B20" s="172" t="s">
        <v>194</v>
      </c>
      <c r="C20" s="5" t="s">
        <v>21</v>
      </c>
      <c r="D20" s="28"/>
      <c r="E20" s="169"/>
      <c r="F20" s="169"/>
      <c r="G20" s="168"/>
      <c r="H20" s="24"/>
    </row>
    <row r="21" spans="1:8" ht="30" customHeight="1" x14ac:dyDescent="0.2">
      <c r="B21" s="172" t="s">
        <v>21</v>
      </c>
      <c r="C21" s="5" t="s">
        <v>188</v>
      </c>
      <c r="D21" s="28"/>
      <c r="E21" s="169"/>
      <c r="F21" s="169"/>
      <c r="G21" s="168"/>
      <c r="H21" s="24"/>
    </row>
    <row r="22" spans="1:8" ht="30" customHeight="1" thickBot="1" x14ac:dyDescent="0.25">
      <c r="B22" s="167"/>
      <c r="C22" s="166" t="s">
        <v>193</v>
      </c>
      <c r="D22" s="12"/>
      <c r="E22" s="178" t="s">
        <v>25</v>
      </c>
      <c r="F22" s="178"/>
      <c r="G22" s="177"/>
      <c r="H22" s="8"/>
    </row>
    <row r="23" spans="1:8" ht="30" customHeight="1" x14ac:dyDescent="0.2">
      <c r="B23" s="172" t="s">
        <v>192</v>
      </c>
      <c r="C23" s="5" t="s">
        <v>191</v>
      </c>
      <c r="D23" s="176"/>
      <c r="E23" s="175"/>
      <c r="F23" s="175"/>
      <c r="G23" s="174"/>
      <c r="H23" s="173"/>
    </row>
    <row r="24" spans="1:8" ht="30" customHeight="1" x14ac:dyDescent="0.2">
      <c r="B24" s="172" t="s">
        <v>190</v>
      </c>
      <c r="C24" s="171" t="s">
        <v>51</v>
      </c>
      <c r="D24" s="170"/>
      <c r="E24" s="169"/>
      <c r="F24" s="169"/>
      <c r="G24" s="168"/>
      <c r="H24" s="24"/>
    </row>
    <row r="25" spans="1:8" ht="30" customHeight="1" x14ac:dyDescent="0.2">
      <c r="B25" s="172" t="s">
        <v>189</v>
      </c>
      <c r="C25" s="171" t="s">
        <v>188</v>
      </c>
      <c r="D25" s="170"/>
      <c r="E25" s="169"/>
      <c r="F25" s="169"/>
      <c r="G25" s="168"/>
      <c r="H25" s="24"/>
    </row>
    <row r="26" spans="1:8" ht="30" customHeight="1" thickBot="1" x14ac:dyDescent="0.25">
      <c r="B26" s="167"/>
      <c r="C26" s="166" t="s">
        <v>187</v>
      </c>
      <c r="D26" s="12"/>
      <c r="E26" s="166" t="s">
        <v>25</v>
      </c>
      <c r="F26" s="166"/>
      <c r="G26" s="165"/>
      <c r="H26" s="164"/>
    </row>
    <row r="27" spans="1:8" ht="9" customHeight="1" x14ac:dyDescent="0.2"/>
    <row r="28" spans="1:8" ht="16.5" customHeight="1" x14ac:dyDescent="0.2">
      <c r="B28" s="163" t="s">
        <v>278</v>
      </c>
      <c r="C28" s="3"/>
      <c r="D28" s="3"/>
      <c r="E28" s="3"/>
      <c r="F28" s="3"/>
      <c r="G28" s="3"/>
      <c r="H28" s="3"/>
    </row>
    <row r="29" spans="1:8" ht="16.5" customHeight="1" x14ac:dyDescent="0.2">
      <c r="B29" s="163" t="s">
        <v>186</v>
      </c>
      <c r="C29" s="3"/>
      <c r="D29" s="3"/>
      <c r="E29" s="3"/>
      <c r="F29" s="3"/>
      <c r="G29" s="3"/>
      <c r="H29" s="3"/>
    </row>
    <row r="30" spans="1:8" ht="16.5" customHeight="1" x14ac:dyDescent="0.2">
      <c r="B30" s="3" t="s">
        <v>185</v>
      </c>
      <c r="C30" s="3"/>
      <c r="D30" s="3"/>
      <c r="E30" s="3"/>
      <c r="F30" s="3"/>
      <c r="G30" s="3"/>
      <c r="H30" s="3"/>
    </row>
  </sheetData>
  <mergeCells count="10">
    <mergeCell ref="C4:H4"/>
    <mergeCell ref="B7:C7"/>
    <mergeCell ref="B11:C11"/>
    <mergeCell ref="B6:F6"/>
    <mergeCell ref="B16:C16"/>
    <mergeCell ref="B17:C17"/>
    <mergeCell ref="B12:C12"/>
    <mergeCell ref="B13:C13"/>
    <mergeCell ref="B14:C14"/>
    <mergeCell ref="B15:C15"/>
  </mergeCells>
  <phoneticPr fontId="2"/>
  <pageMargins left="0.78740157480314965" right="0.47244094488188981" top="0.78740157480314965" bottom="0.47244094488188981" header="0.59055118110236227" footer="0.51181102362204722"/>
  <pageSetup paperSize="9" orientation="portrait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J31"/>
  <sheetViews>
    <sheetView showGridLines="0" zoomScaleNormal="100" workbookViewId="0"/>
  </sheetViews>
  <sheetFormatPr defaultColWidth="9" defaultRowHeight="13.2" x14ac:dyDescent="0.2"/>
  <cols>
    <col min="1" max="1" width="1.44140625" style="2" customWidth="1"/>
    <col min="2" max="2" width="2.6640625" style="2" customWidth="1"/>
    <col min="3" max="3" width="2.6640625" style="1" customWidth="1"/>
    <col min="4" max="4" width="0.88671875" style="1" customWidth="1"/>
    <col min="5" max="5" width="20.33203125" style="1" customWidth="1"/>
    <col min="6" max="6" width="0.88671875" style="1" customWidth="1"/>
    <col min="7" max="9" width="12.88671875" style="2" customWidth="1"/>
    <col min="10" max="10" width="24.109375" style="1" customWidth="1"/>
    <col min="11" max="11" width="2" style="1" customWidth="1"/>
    <col min="12" max="21" width="10.6640625" style="1" customWidth="1"/>
    <col min="22" max="16384" width="9" style="1"/>
  </cols>
  <sheetData>
    <row r="2" spans="1:10" ht="21" customHeight="1" x14ac:dyDescent="0.2">
      <c r="C2" s="215"/>
      <c r="D2" s="215"/>
      <c r="E2" s="214"/>
      <c r="F2" s="214"/>
      <c r="G2" s="214"/>
      <c r="H2" s="214"/>
      <c r="I2" s="214"/>
      <c r="J2" s="214"/>
    </row>
    <row r="3" spans="1:10" s="212" customFormat="1" ht="20.25" customHeight="1" x14ac:dyDescent="0.2">
      <c r="A3" s="213"/>
      <c r="B3" s="213"/>
      <c r="C3" s="589" t="s">
        <v>238</v>
      </c>
      <c r="D3" s="589"/>
      <c r="E3" s="589"/>
      <c r="F3" s="589"/>
      <c r="G3" s="589"/>
      <c r="H3" s="589"/>
      <c r="I3" s="589"/>
      <c r="J3" s="589"/>
    </row>
    <row r="4" spans="1:10" s="212" customFormat="1" ht="20.25" customHeight="1" x14ac:dyDescent="0.2">
      <c r="A4" s="213"/>
      <c r="B4" s="213"/>
      <c r="C4" s="242"/>
      <c r="D4" s="242"/>
      <c r="E4" s="242"/>
      <c r="F4" s="242"/>
      <c r="G4" s="242"/>
      <c r="H4" s="242"/>
      <c r="I4" s="242"/>
      <c r="J4" s="241" t="s">
        <v>237</v>
      </c>
    </row>
    <row r="5" spans="1:10" ht="4.5" customHeight="1" thickBot="1" x14ac:dyDescent="0.25"/>
    <row r="6" spans="1:10" ht="22.5" customHeight="1" x14ac:dyDescent="0.2">
      <c r="B6" s="527" t="s">
        <v>217</v>
      </c>
      <c r="C6" s="506"/>
      <c r="D6" s="506"/>
      <c r="E6" s="506"/>
      <c r="F6" s="601"/>
      <c r="G6" s="595" t="s">
        <v>236</v>
      </c>
      <c r="H6" s="240" t="s">
        <v>235</v>
      </c>
      <c r="I6" s="597" t="s">
        <v>234</v>
      </c>
      <c r="J6" s="599" t="s">
        <v>215</v>
      </c>
    </row>
    <row r="7" spans="1:10" ht="22.5" customHeight="1" thickBot="1" x14ac:dyDescent="0.25">
      <c r="B7" s="602"/>
      <c r="C7" s="509"/>
      <c r="D7" s="509"/>
      <c r="E7" s="509"/>
      <c r="F7" s="603"/>
      <c r="G7" s="596"/>
      <c r="H7" s="239" t="s">
        <v>233</v>
      </c>
      <c r="I7" s="598"/>
      <c r="J7" s="600"/>
    </row>
    <row r="8" spans="1:10" ht="30" customHeight="1" x14ac:dyDescent="0.2">
      <c r="B8" s="587" t="s">
        <v>191</v>
      </c>
      <c r="C8" s="588"/>
      <c r="D8" s="92"/>
      <c r="E8" s="199" t="s">
        <v>214</v>
      </c>
      <c r="F8" s="199"/>
      <c r="G8" s="210" t="s">
        <v>232</v>
      </c>
      <c r="H8" s="238" t="s">
        <v>232</v>
      </c>
      <c r="I8" s="238" t="s">
        <v>232</v>
      </c>
      <c r="J8" s="209"/>
    </row>
    <row r="9" spans="1:10" ht="30" customHeight="1" thickBot="1" x14ac:dyDescent="0.25">
      <c r="B9" s="189"/>
      <c r="C9" s="188"/>
      <c r="D9" s="43"/>
      <c r="E9" s="187" t="s">
        <v>212</v>
      </c>
      <c r="F9" s="187"/>
      <c r="G9" s="78"/>
      <c r="H9" s="77"/>
      <c r="I9" s="77"/>
      <c r="J9" s="201"/>
    </row>
    <row r="10" spans="1:10" ht="30" customHeight="1" thickTop="1" x14ac:dyDescent="0.2">
      <c r="B10" s="189"/>
      <c r="C10" s="188"/>
      <c r="D10" s="208"/>
      <c r="E10" s="207" t="s">
        <v>211</v>
      </c>
      <c r="F10" s="207"/>
      <c r="G10" s="206" t="s">
        <v>231</v>
      </c>
      <c r="H10" s="237"/>
      <c r="I10" s="237" t="s">
        <v>230</v>
      </c>
      <c r="J10" s="205"/>
    </row>
    <row r="11" spans="1:10" ht="30" customHeight="1" x14ac:dyDescent="0.2">
      <c r="B11" s="189"/>
      <c r="C11" s="188"/>
      <c r="D11" s="82"/>
      <c r="E11" s="202" t="s">
        <v>210</v>
      </c>
      <c r="F11" s="202"/>
      <c r="G11" s="172" t="s">
        <v>229</v>
      </c>
      <c r="H11" s="33" t="s">
        <v>229</v>
      </c>
      <c r="I11" s="81" t="s">
        <v>229</v>
      </c>
      <c r="J11" s="76" t="s">
        <v>228</v>
      </c>
    </row>
    <row r="12" spans="1:10" ht="30" customHeight="1" thickBot="1" x14ac:dyDescent="0.25">
      <c r="B12" s="590" t="s">
        <v>21</v>
      </c>
      <c r="C12" s="591"/>
      <c r="D12" s="43"/>
      <c r="E12" s="236" t="s">
        <v>207</v>
      </c>
      <c r="F12" s="187"/>
      <c r="G12" s="235" t="s">
        <v>227</v>
      </c>
      <c r="H12" s="77" t="s">
        <v>226</v>
      </c>
      <c r="I12" s="234" t="s">
        <v>225</v>
      </c>
      <c r="J12" s="201" t="s">
        <v>224</v>
      </c>
    </row>
    <row r="13" spans="1:10" ht="30" customHeight="1" x14ac:dyDescent="0.2">
      <c r="B13" s="587" t="s">
        <v>191</v>
      </c>
      <c r="C13" s="588"/>
      <c r="D13" s="200"/>
      <c r="E13" s="199" t="s">
        <v>204</v>
      </c>
      <c r="F13" s="199"/>
      <c r="G13" s="198"/>
      <c r="H13" s="233"/>
      <c r="I13" s="233"/>
      <c r="J13" s="197" t="s">
        <v>223</v>
      </c>
    </row>
    <row r="14" spans="1:10" ht="30" customHeight="1" x14ac:dyDescent="0.2">
      <c r="B14" s="585" t="s">
        <v>51</v>
      </c>
      <c r="C14" s="586"/>
      <c r="D14" s="193"/>
      <c r="E14" s="192" t="s">
        <v>202</v>
      </c>
      <c r="F14" s="192"/>
      <c r="G14" s="191"/>
      <c r="H14" s="232"/>
      <c r="I14" s="232"/>
      <c r="J14" s="196"/>
    </row>
    <row r="15" spans="1:10" ht="30" customHeight="1" x14ac:dyDescent="0.2">
      <c r="B15" s="585" t="s">
        <v>195</v>
      </c>
      <c r="C15" s="586"/>
      <c r="D15" s="193"/>
      <c r="E15" s="192" t="s">
        <v>200</v>
      </c>
      <c r="F15" s="192"/>
      <c r="G15" s="191"/>
      <c r="H15" s="232"/>
      <c r="I15" s="232"/>
      <c r="J15" s="196" t="s">
        <v>222</v>
      </c>
    </row>
    <row r="16" spans="1:10" ht="30" customHeight="1" x14ac:dyDescent="0.2">
      <c r="B16" s="585" t="s">
        <v>45</v>
      </c>
      <c r="C16" s="586"/>
      <c r="D16" s="193"/>
      <c r="E16" s="192" t="s">
        <v>198</v>
      </c>
      <c r="F16" s="192"/>
      <c r="G16" s="191"/>
      <c r="H16" s="232"/>
      <c r="I16" s="232"/>
      <c r="J16" s="196"/>
    </row>
    <row r="17" spans="1:10" ht="30" customHeight="1" x14ac:dyDescent="0.2">
      <c r="B17" s="585" t="s">
        <v>36</v>
      </c>
      <c r="C17" s="586"/>
      <c r="D17" s="193"/>
      <c r="E17" s="148" t="s">
        <v>197</v>
      </c>
      <c r="F17" s="148"/>
      <c r="G17" s="195"/>
      <c r="H17" s="32"/>
      <c r="I17" s="32"/>
      <c r="J17" s="194" t="s">
        <v>196</v>
      </c>
    </row>
    <row r="18" spans="1:10" ht="30" customHeight="1" x14ac:dyDescent="0.2">
      <c r="B18" s="585" t="s">
        <v>30</v>
      </c>
      <c r="C18" s="586"/>
      <c r="D18" s="193"/>
      <c r="E18" s="192" t="s">
        <v>8</v>
      </c>
      <c r="F18" s="192"/>
      <c r="G18" s="191"/>
      <c r="H18" s="232"/>
      <c r="I18" s="232"/>
      <c r="J18" s="190"/>
    </row>
    <row r="19" spans="1:10" ht="30" customHeight="1" thickBot="1" x14ac:dyDescent="0.25">
      <c r="B19" s="167"/>
      <c r="C19" s="231"/>
      <c r="D19" s="12"/>
      <c r="E19" s="230" t="s">
        <v>25</v>
      </c>
      <c r="F19" s="230"/>
      <c r="G19" s="229"/>
      <c r="H19" s="228"/>
      <c r="I19" s="228"/>
      <c r="J19" s="227"/>
    </row>
    <row r="20" spans="1:10" ht="30" customHeight="1" x14ac:dyDescent="0.2">
      <c r="B20" s="172" t="s">
        <v>195</v>
      </c>
      <c r="C20" s="5" t="s">
        <v>191</v>
      </c>
      <c r="D20" s="225"/>
      <c r="E20" s="5"/>
      <c r="F20" s="175"/>
      <c r="G20" s="174"/>
      <c r="H20" s="226"/>
      <c r="I20" s="226"/>
      <c r="J20" s="173"/>
    </row>
    <row r="21" spans="1:10" ht="30" customHeight="1" x14ac:dyDescent="0.2">
      <c r="B21" s="172" t="s">
        <v>194</v>
      </c>
      <c r="C21" s="5" t="s">
        <v>21</v>
      </c>
      <c r="D21" s="28"/>
      <c r="E21" s="169"/>
      <c r="F21" s="169"/>
      <c r="G21" s="168"/>
      <c r="H21" s="30"/>
      <c r="I21" s="30"/>
      <c r="J21" s="24"/>
    </row>
    <row r="22" spans="1:10" ht="30" customHeight="1" x14ac:dyDescent="0.2">
      <c r="B22" s="172" t="s">
        <v>21</v>
      </c>
      <c r="C22" s="5" t="s">
        <v>188</v>
      </c>
      <c r="D22" s="28"/>
      <c r="E22" s="169"/>
      <c r="F22" s="169"/>
      <c r="G22" s="168"/>
      <c r="H22" s="30"/>
      <c r="I22" s="30"/>
      <c r="J22" s="24"/>
    </row>
    <row r="23" spans="1:10" ht="30" customHeight="1" thickBot="1" x14ac:dyDescent="0.25">
      <c r="B23" s="189"/>
      <c r="C23" s="5" t="s">
        <v>193</v>
      </c>
      <c r="D23" s="225"/>
      <c r="E23" s="5" t="s">
        <v>25</v>
      </c>
      <c r="F23" s="224"/>
      <c r="G23" s="223"/>
      <c r="H23" s="22"/>
      <c r="I23" s="22"/>
      <c r="J23" s="16"/>
    </row>
    <row r="24" spans="1:10" ht="30" customHeight="1" x14ac:dyDescent="0.2">
      <c r="B24" s="183" t="s">
        <v>221</v>
      </c>
      <c r="C24" s="181" t="s">
        <v>191</v>
      </c>
      <c r="D24" s="222"/>
      <c r="E24" s="181"/>
      <c r="F24" s="221"/>
      <c r="G24" s="220"/>
      <c r="H24" s="219"/>
      <c r="I24" s="219"/>
      <c r="J24" s="218"/>
    </row>
    <row r="25" spans="1:10" ht="30" customHeight="1" x14ac:dyDescent="0.2">
      <c r="B25" s="172" t="s">
        <v>190</v>
      </c>
      <c r="C25" s="171" t="s">
        <v>51</v>
      </c>
      <c r="D25" s="170"/>
      <c r="E25" s="169"/>
      <c r="F25" s="169"/>
      <c r="G25" s="168"/>
      <c r="H25" s="30"/>
      <c r="I25" s="30"/>
      <c r="J25" s="24"/>
    </row>
    <row r="26" spans="1:10" ht="30" customHeight="1" x14ac:dyDescent="0.2">
      <c r="B26" s="172" t="s">
        <v>189</v>
      </c>
      <c r="C26" s="171" t="s">
        <v>188</v>
      </c>
      <c r="D26" s="170"/>
      <c r="E26" s="169"/>
      <c r="F26" s="169"/>
      <c r="G26" s="168"/>
      <c r="H26" s="30"/>
      <c r="I26" s="30"/>
      <c r="J26" s="24"/>
    </row>
    <row r="27" spans="1:10" ht="30" customHeight="1" thickBot="1" x14ac:dyDescent="0.25">
      <c r="B27" s="167"/>
      <c r="C27" s="166" t="s">
        <v>187</v>
      </c>
      <c r="D27" s="217"/>
      <c r="E27" s="166" t="s">
        <v>25</v>
      </c>
      <c r="F27" s="178"/>
      <c r="G27" s="177"/>
      <c r="H27" s="14"/>
      <c r="I27" s="14"/>
      <c r="J27" s="8"/>
    </row>
    <row r="28" spans="1:10" ht="9" customHeight="1" x14ac:dyDescent="0.2"/>
    <row r="29" spans="1:10" s="3" customFormat="1" ht="16.5" customHeight="1" x14ac:dyDescent="0.2">
      <c r="A29" s="4"/>
      <c r="B29" s="163" t="s">
        <v>279</v>
      </c>
    </row>
    <row r="30" spans="1:10" s="3" customFormat="1" ht="16.5" customHeight="1" x14ac:dyDescent="0.2">
      <c r="A30" s="4"/>
      <c r="B30" s="163" t="s">
        <v>220</v>
      </c>
    </row>
    <row r="31" spans="1:10" s="3" customFormat="1" ht="16.5" customHeight="1" x14ac:dyDescent="0.2">
      <c r="A31" s="4"/>
      <c r="B31" s="3" t="s">
        <v>185</v>
      </c>
    </row>
  </sheetData>
  <mergeCells count="13">
    <mergeCell ref="B15:C15"/>
    <mergeCell ref="B16:C16"/>
    <mergeCell ref="B17:C17"/>
    <mergeCell ref="B18:C18"/>
    <mergeCell ref="C3:J3"/>
    <mergeCell ref="G6:G7"/>
    <mergeCell ref="I6:I7"/>
    <mergeCell ref="J6:J7"/>
    <mergeCell ref="B6:F7"/>
    <mergeCell ref="B14:C14"/>
    <mergeCell ref="B13:C13"/>
    <mergeCell ref="B8:C8"/>
    <mergeCell ref="B12:C12"/>
  </mergeCells>
  <phoneticPr fontId="2"/>
  <pageMargins left="0.6692913385826772" right="0.35433070866141736" top="0.86614173228346458" bottom="0.47244094488188981" header="0.59055118110236227" footer="0.47244094488188981"/>
  <pageSetup paperSize="9" orientation="portrait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I33"/>
  <sheetViews>
    <sheetView showGridLines="0" zoomScaleNormal="100" workbookViewId="0"/>
  </sheetViews>
  <sheetFormatPr defaultColWidth="9" defaultRowHeight="13.2" x14ac:dyDescent="0.2"/>
  <cols>
    <col min="1" max="1" width="2" style="2" customWidth="1"/>
    <col min="2" max="2" width="4.109375" style="1" customWidth="1"/>
    <col min="3" max="3" width="4.109375" style="2" customWidth="1"/>
    <col min="4" max="4" width="14.44140625" style="1" customWidth="1"/>
    <col min="5" max="5" width="10.77734375" style="2" customWidth="1"/>
    <col min="6" max="6" width="13.6640625" style="1" customWidth="1"/>
    <col min="7" max="7" width="13.6640625" style="2" customWidth="1"/>
    <col min="8" max="9" width="13.6640625" style="1" customWidth="1"/>
    <col min="10" max="10" width="2" style="1" customWidth="1"/>
    <col min="11" max="20" width="10.6640625" style="1" customWidth="1"/>
    <col min="21" max="16384" width="9" style="1"/>
  </cols>
  <sheetData>
    <row r="2" spans="1:9" x14ac:dyDescent="0.2">
      <c r="B2" s="216" t="s">
        <v>267</v>
      </c>
      <c r="C2" s="214"/>
      <c r="D2" s="214"/>
      <c r="E2" s="214"/>
      <c r="F2" s="214"/>
      <c r="G2" s="214"/>
      <c r="H2" s="214"/>
      <c r="I2" s="214"/>
    </row>
    <row r="3" spans="1:9" s="212" customFormat="1" ht="20.25" customHeight="1" x14ac:dyDescent="0.2">
      <c r="A3" s="213"/>
      <c r="B3" s="589" t="s">
        <v>266</v>
      </c>
      <c r="C3" s="589"/>
      <c r="D3" s="589"/>
      <c r="E3" s="589"/>
      <c r="F3" s="589"/>
      <c r="G3" s="589"/>
      <c r="H3" s="589"/>
      <c r="I3" s="589"/>
    </row>
    <row r="4" spans="1:9" ht="13.8" thickBot="1" x14ac:dyDescent="0.25"/>
    <row r="5" spans="1:9" ht="21" customHeight="1" x14ac:dyDescent="0.2">
      <c r="B5" s="527"/>
      <c r="C5" s="506"/>
      <c r="D5" s="258" t="s">
        <v>180</v>
      </c>
      <c r="E5" s="257" t="s">
        <v>243</v>
      </c>
      <c r="F5" s="505" t="s">
        <v>265</v>
      </c>
      <c r="G5" s="506"/>
      <c r="H5" s="507"/>
      <c r="I5" s="599" t="s">
        <v>264</v>
      </c>
    </row>
    <row r="6" spans="1:9" ht="21" customHeight="1" x14ac:dyDescent="0.2">
      <c r="B6" s="528"/>
      <c r="C6" s="609"/>
      <c r="D6" s="7"/>
      <c r="E6" s="254" t="s">
        <v>263</v>
      </c>
      <c r="F6" s="610"/>
      <c r="G6" s="609"/>
      <c r="H6" s="604"/>
      <c r="I6" s="600"/>
    </row>
    <row r="7" spans="1:9" ht="21" customHeight="1" thickBot="1" x14ac:dyDescent="0.25">
      <c r="B7" s="256" t="s">
        <v>262</v>
      </c>
      <c r="C7" s="33"/>
      <c r="D7" s="255"/>
      <c r="E7" s="254" t="s">
        <v>261</v>
      </c>
      <c r="F7" s="77" t="s">
        <v>260</v>
      </c>
      <c r="G7" s="77" t="s">
        <v>259</v>
      </c>
      <c r="H7" s="77" t="s">
        <v>25</v>
      </c>
      <c r="I7" s="600"/>
    </row>
    <row r="8" spans="1:9" ht="26.25" customHeight="1" x14ac:dyDescent="0.2">
      <c r="B8" s="211"/>
      <c r="C8" s="613" t="s">
        <v>258</v>
      </c>
      <c r="D8" s="614"/>
      <c r="E8" s="91"/>
      <c r="F8" s="90"/>
      <c r="G8" s="90"/>
      <c r="H8" s="90"/>
      <c r="I8" s="218"/>
    </row>
    <row r="9" spans="1:9" ht="26.25" customHeight="1" x14ac:dyDescent="0.2">
      <c r="B9" s="50" t="s">
        <v>55</v>
      </c>
      <c r="C9" s="611" t="s">
        <v>212</v>
      </c>
      <c r="D9" s="612"/>
      <c r="E9" s="247"/>
      <c r="F9" s="246"/>
      <c r="G9" s="246"/>
      <c r="H9" s="246"/>
      <c r="I9" s="24"/>
    </row>
    <row r="10" spans="1:9" ht="26.25" customHeight="1" x14ac:dyDescent="0.2">
      <c r="B10" s="50" t="s">
        <v>21</v>
      </c>
      <c r="C10" s="611" t="s">
        <v>8</v>
      </c>
      <c r="D10" s="612"/>
      <c r="E10" s="247"/>
      <c r="F10" s="246"/>
      <c r="G10" s="246"/>
      <c r="H10" s="246"/>
      <c r="I10" s="24"/>
    </row>
    <row r="11" spans="1:9" ht="26.25" customHeight="1" thickBot="1" x14ac:dyDescent="0.25">
      <c r="B11" s="253"/>
      <c r="C11" s="515" t="s">
        <v>25</v>
      </c>
      <c r="D11" s="516"/>
      <c r="E11" s="78"/>
      <c r="F11" s="77"/>
      <c r="G11" s="77"/>
      <c r="H11" s="77"/>
      <c r="I11" s="16"/>
    </row>
    <row r="12" spans="1:9" ht="26.25" customHeight="1" thickTop="1" x14ac:dyDescent="0.2">
      <c r="B12" s="252"/>
      <c r="C12" s="605" t="s">
        <v>257</v>
      </c>
      <c r="D12" s="606"/>
      <c r="E12" s="206"/>
      <c r="F12" s="237"/>
      <c r="G12" s="237"/>
      <c r="H12" s="237"/>
      <c r="I12" s="34"/>
    </row>
    <row r="13" spans="1:9" ht="26.25" customHeight="1" x14ac:dyDescent="0.2">
      <c r="B13" s="50"/>
      <c r="C13" s="77"/>
      <c r="D13" s="251" t="s">
        <v>256</v>
      </c>
      <c r="E13" s="191"/>
      <c r="F13" s="232"/>
      <c r="G13" s="232"/>
      <c r="H13" s="232"/>
      <c r="I13" s="24" t="s">
        <v>254</v>
      </c>
    </row>
    <row r="14" spans="1:9" ht="26.25" customHeight="1" x14ac:dyDescent="0.2">
      <c r="B14" s="50"/>
      <c r="C14" s="598" t="s">
        <v>45</v>
      </c>
      <c r="D14" s="251" t="s">
        <v>255</v>
      </c>
      <c r="E14" s="191"/>
      <c r="F14" s="232"/>
      <c r="G14" s="232"/>
      <c r="H14" s="232"/>
      <c r="I14" s="24" t="s">
        <v>254</v>
      </c>
    </row>
    <row r="15" spans="1:9" ht="26.25" customHeight="1" x14ac:dyDescent="0.2">
      <c r="B15" s="50"/>
      <c r="C15" s="598"/>
      <c r="D15" s="251" t="s">
        <v>253</v>
      </c>
      <c r="E15" s="191"/>
      <c r="F15" s="232" t="s">
        <v>251</v>
      </c>
      <c r="G15" s="232" t="s">
        <v>252</v>
      </c>
      <c r="H15" s="232" t="s">
        <v>251</v>
      </c>
      <c r="I15" s="24"/>
    </row>
    <row r="16" spans="1:9" ht="26.25" customHeight="1" x14ac:dyDescent="0.2">
      <c r="B16" s="50" t="s">
        <v>55</v>
      </c>
      <c r="C16" s="598" t="s">
        <v>36</v>
      </c>
      <c r="D16" s="251" t="s">
        <v>250</v>
      </c>
      <c r="E16" s="191"/>
      <c r="F16" s="232"/>
      <c r="G16" s="232"/>
      <c r="H16" s="232"/>
      <c r="I16" s="24"/>
    </row>
    <row r="17" spans="2:9" ht="26.25" customHeight="1" x14ac:dyDescent="0.2">
      <c r="B17" s="50"/>
      <c r="C17" s="598"/>
      <c r="D17" s="251" t="s">
        <v>249</v>
      </c>
      <c r="E17" s="191"/>
      <c r="F17" s="232"/>
      <c r="G17" s="232"/>
      <c r="H17" s="232"/>
      <c r="I17" s="24"/>
    </row>
    <row r="18" spans="2:9" ht="26.25" customHeight="1" x14ac:dyDescent="0.2">
      <c r="B18" s="50"/>
      <c r="C18" s="598" t="s">
        <v>30</v>
      </c>
      <c r="D18" s="251" t="s">
        <v>248</v>
      </c>
      <c r="E18" s="191"/>
      <c r="F18" s="232"/>
      <c r="G18" s="232"/>
      <c r="H18" s="232"/>
      <c r="I18" s="24"/>
    </row>
    <row r="19" spans="2:9" ht="26.25" customHeight="1" x14ac:dyDescent="0.2">
      <c r="B19" s="50"/>
      <c r="C19" s="598"/>
      <c r="D19" s="251" t="s">
        <v>247</v>
      </c>
      <c r="E19" s="191"/>
      <c r="F19" s="232"/>
      <c r="G19" s="232"/>
      <c r="H19" s="232"/>
      <c r="I19" s="24"/>
    </row>
    <row r="20" spans="2:9" ht="26.25" customHeight="1" x14ac:dyDescent="0.2">
      <c r="B20" s="50"/>
      <c r="C20" s="598" t="s">
        <v>246</v>
      </c>
      <c r="D20" s="251" t="s">
        <v>200</v>
      </c>
      <c r="E20" s="191"/>
      <c r="F20" s="232"/>
      <c r="G20" s="232"/>
      <c r="H20" s="232"/>
      <c r="I20" s="24"/>
    </row>
    <row r="21" spans="2:9" ht="26.25" customHeight="1" x14ac:dyDescent="0.2">
      <c r="B21" s="50"/>
      <c r="C21" s="598"/>
      <c r="D21" s="251" t="s">
        <v>245</v>
      </c>
      <c r="E21" s="191"/>
      <c r="F21" s="232"/>
      <c r="G21" s="232"/>
      <c r="H21" s="232"/>
      <c r="I21" s="24"/>
    </row>
    <row r="22" spans="2:9" ht="26.25" customHeight="1" x14ac:dyDescent="0.2">
      <c r="B22" s="50" t="s">
        <v>51</v>
      </c>
      <c r="C22" s="598" t="s">
        <v>34</v>
      </c>
      <c r="D22" s="251" t="s">
        <v>110</v>
      </c>
      <c r="E22" s="191"/>
      <c r="F22" s="232"/>
      <c r="G22" s="232"/>
      <c r="H22" s="232"/>
      <c r="I22" s="24"/>
    </row>
    <row r="23" spans="2:9" ht="26.25" customHeight="1" x14ac:dyDescent="0.2">
      <c r="B23" s="50"/>
      <c r="C23" s="598"/>
      <c r="D23" s="250" t="s">
        <v>197</v>
      </c>
      <c r="E23" s="186"/>
      <c r="F23" s="249"/>
      <c r="G23" s="249"/>
      <c r="H23" s="249"/>
      <c r="I23" s="16"/>
    </row>
    <row r="24" spans="2:9" ht="26.25" customHeight="1" x14ac:dyDescent="0.2">
      <c r="B24" s="50"/>
      <c r="C24" s="598" t="s">
        <v>29</v>
      </c>
      <c r="D24" s="250" t="s">
        <v>8</v>
      </c>
      <c r="E24" s="186"/>
      <c r="F24" s="249"/>
      <c r="G24" s="249"/>
      <c r="H24" s="249"/>
      <c r="I24" s="16"/>
    </row>
    <row r="25" spans="2:9" ht="26.25" customHeight="1" x14ac:dyDescent="0.2">
      <c r="B25" s="50"/>
      <c r="C25" s="598"/>
      <c r="D25" s="607" t="s">
        <v>244</v>
      </c>
      <c r="E25" s="191" t="s">
        <v>243</v>
      </c>
      <c r="F25" s="232"/>
      <c r="G25" s="232"/>
      <c r="H25" s="232"/>
      <c r="I25" s="24"/>
    </row>
    <row r="26" spans="2:9" ht="26.25" customHeight="1" thickBot="1" x14ac:dyDescent="0.25">
      <c r="B26" s="50"/>
      <c r="C26" s="33"/>
      <c r="D26" s="608"/>
      <c r="E26" s="229" t="s">
        <v>242</v>
      </c>
      <c r="F26" s="228"/>
      <c r="G26" s="228"/>
      <c r="H26" s="228"/>
      <c r="I26" s="8"/>
    </row>
    <row r="27" spans="2:9" ht="24.75" customHeight="1" x14ac:dyDescent="0.2">
      <c r="B27" s="527" t="s">
        <v>241</v>
      </c>
      <c r="C27" s="507"/>
      <c r="D27" s="248"/>
      <c r="E27" s="91"/>
      <c r="F27" s="90"/>
      <c r="G27" s="90"/>
      <c r="H27" s="90"/>
      <c r="I27" s="218"/>
    </row>
    <row r="28" spans="2:9" ht="24.75" customHeight="1" x14ac:dyDescent="0.2">
      <c r="B28" s="528" t="s">
        <v>239</v>
      </c>
      <c r="C28" s="604"/>
      <c r="D28" s="203"/>
      <c r="E28" s="247"/>
      <c r="F28" s="246"/>
      <c r="G28" s="246"/>
      <c r="H28" s="246"/>
      <c r="I28" s="24"/>
    </row>
    <row r="29" spans="2:9" ht="24.75" customHeight="1" x14ac:dyDescent="0.2">
      <c r="B29" s="528" t="s">
        <v>240</v>
      </c>
      <c r="C29" s="604"/>
      <c r="D29" s="203"/>
      <c r="E29" s="247"/>
      <c r="F29" s="246"/>
      <c r="G29" s="246"/>
      <c r="H29" s="246"/>
      <c r="I29" s="24"/>
    </row>
    <row r="30" spans="2:9" ht="24.75" customHeight="1" x14ac:dyDescent="0.2">
      <c r="B30" s="528" t="s">
        <v>239</v>
      </c>
      <c r="C30" s="604"/>
      <c r="D30" s="203"/>
      <c r="E30" s="247"/>
      <c r="F30" s="246"/>
      <c r="G30" s="246"/>
      <c r="H30" s="246"/>
      <c r="I30" s="24"/>
    </row>
    <row r="31" spans="2:9" ht="24.75" customHeight="1" x14ac:dyDescent="0.2">
      <c r="B31" s="528" t="s">
        <v>190</v>
      </c>
      <c r="C31" s="604"/>
      <c r="D31" s="203"/>
      <c r="E31" s="247"/>
      <c r="F31" s="246"/>
      <c r="G31" s="246"/>
      <c r="H31" s="246"/>
      <c r="I31" s="24"/>
    </row>
    <row r="32" spans="2:9" ht="24.75" customHeight="1" thickBot="1" x14ac:dyDescent="0.25">
      <c r="B32" s="602" t="s">
        <v>189</v>
      </c>
      <c r="C32" s="510"/>
      <c r="D32" s="245" t="s">
        <v>25</v>
      </c>
      <c r="E32" s="244"/>
      <c r="F32" s="243"/>
      <c r="G32" s="243"/>
      <c r="H32" s="243"/>
      <c r="I32" s="8"/>
    </row>
    <row r="33" spans="2:3" x14ac:dyDescent="0.2">
      <c r="B33" s="5"/>
      <c r="C33" s="6"/>
    </row>
  </sheetData>
  <mergeCells count="22">
    <mergeCell ref="C22:C23"/>
    <mergeCell ref="C24:C25"/>
    <mergeCell ref="B27:C27"/>
    <mergeCell ref="C8:D8"/>
    <mergeCell ref="C11:D11"/>
    <mergeCell ref="C18:C19"/>
    <mergeCell ref="B32:C32"/>
    <mergeCell ref="B3:I3"/>
    <mergeCell ref="B28:C28"/>
    <mergeCell ref="B29:C29"/>
    <mergeCell ref="B30:C30"/>
    <mergeCell ref="B31:C31"/>
    <mergeCell ref="C12:D12"/>
    <mergeCell ref="D25:D26"/>
    <mergeCell ref="I5:I7"/>
    <mergeCell ref="B5:C6"/>
    <mergeCell ref="F5:H6"/>
    <mergeCell ref="C9:D9"/>
    <mergeCell ref="C10:D10"/>
    <mergeCell ref="C14:C15"/>
    <mergeCell ref="C16:C17"/>
    <mergeCell ref="C20:C21"/>
  </mergeCells>
  <phoneticPr fontId="2"/>
  <pageMargins left="0.47244094488188981" right="0.47244094488188981" top="0.82677165354330717" bottom="0.27559055118110237" header="0.62992125984251968" footer="0.51181102362204722"/>
  <pageSetup paperSize="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0</vt:i4>
      </vt:variant>
      <vt:variant>
        <vt:lpstr>名前付き一覧</vt:lpstr>
      </vt:variant>
      <vt:variant>
        <vt:i4>5</vt:i4>
      </vt:variant>
    </vt:vector>
  </HeadingPairs>
  <TitlesOfParts>
    <vt:vector size="15" baseType="lpstr">
      <vt:lpstr>17-1転・編入（高校）</vt:lpstr>
      <vt:lpstr>17-2転・編入（中学）</vt:lpstr>
      <vt:lpstr>17-3転・編入（中等）</vt:lpstr>
      <vt:lpstr>施設概要書（小中高）①</vt:lpstr>
      <vt:lpstr>施設概要書（小中高）②</vt:lpstr>
      <vt:lpstr>施設概要書（小中高）③</vt:lpstr>
      <vt:lpstr>施設概要書（幼）</vt:lpstr>
      <vt:lpstr>施設概要書 （幼）(変更の場合)</vt:lpstr>
      <vt:lpstr>施設概要書（専各）</vt:lpstr>
      <vt:lpstr>施設概要書 （専各）（変更の場合）</vt:lpstr>
      <vt:lpstr>'17-1転・編入（高校）'!Print_Area</vt:lpstr>
      <vt:lpstr>'17-2転・編入（中学）'!Print_Area</vt:lpstr>
      <vt:lpstr>'17-3転・編入（中等）'!Print_Area</vt:lpstr>
      <vt:lpstr>'施設概要書（小中高）②'!Print_Area</vt:lpstr>
      <vt:lpstr>'施設概要書（小中高）③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0-11-20T08:50:56Z</cp:lastPrinted>
  <dcterms:created xsi:type="dcterms:W3CDTF">2006-01-04T07:50:09Z</dcterms:created>
  <dcterms:modified xsi:type="dcterms:W3CDTF">2023-04-10T07:10:32Z</dcterms:modified>
</cp:coreProperties>
</file>